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4_公益・宗教G（宗教）\04_広報・広聴\03_ホームページ\■名簿ホームページ\R4年度（2022）\20230101現在の名簿\"/>
    </mc:Choice>
  </mc:AlternateContent>
  <bookViews>
    <workbookView xWindow="0" yWindow="0" windowWidth="23040" windowHeight="9876"/>
  </bookViews>
  <sheets>
    <sheet name="川崎市" sheetId="1" r:id="rId1"/>
  </sheets>
  <definedNames>
    <definedName name="_xlnm._FilterDatabase" localSheetId="0" hidden="1">川崎市!$A$1:$L$333</definedName>
    <definedName name="batu">#REF!</definedName>
    <definedName name="_xlnm.Print_Area" localSheetId="0">川崎市!$A:$I</definedName>
    <definedName name="_xlnm.Print_Titles" localSheetId="0">川崎市!$1:$1</definedName>
    <definedName name="Q名簿用データ" localSheetId="0">#REF!</definedName>
    <definedName name="Q名簿用データ">#REF!</definedName>
    <definedName name="外字" localSheetId="0">#REF!</definedName>
    <definedName name="外字">#REF!</definedName>
    <definedName name="宗教法人テーブル" localSheetId="0">川崎市!$A$1:$I$63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019" uniqueCount="952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厳島神社</t>
  </si>
  <si>
    <t>中村 博行</t>
  </si>
  <si>
    <t>川崎区</t>
  </si>
  <si>
    <t>田町3-11-2</t>
  </si>
  <si>
    <t>日ノ出2-6-3</t>
  </si>
  <si>
    <t>稲毛神社</t>
  </si>
  <si>
    <t>市川 和裕</t>
  </si>
  <si>
    <t>宮本町7-7</t>
  </si>
  <si>
    <t>稲荷神社</t>
  </si>
  <si>
    <t>塩浜2-7-7</t>
  </si>
  <si>
    <t>田町2-3-5</t>
  </si>
  <si>
    <t>汐留稲荷神社</t>
  </si>
  <si>
    <t>中村 紀美子</t>
  </si>
  <si>
    <t>池上新町2-24-21</t>
  </si>
  <si>
    <t>神明神社</t>
  </si>
  <si>
    <t>川中島1-12-12</t>
  </si>
  <si>
    <t>塩浜2-7-10</t>
  </si>
  <si>
    <t>水神社</t>
  </si>
  <si>
    <t>殿町2-1-20</t>
  </si>
  <si>
    <t>大師稲荷神社</t>
  </si>
  <si>
    <t>中村 博基</t>
  </si>
  <si>
    <t>中瀬3-5-12</t>
  </si>
  <si>
    <t>新田神社</t>
  </si>
  <si>
    <t>渡田2-14-8</t>
  </si>
  <si>
    <t>八幡神社</t>
  </si>
  <si>
    <t>大島3-4-8</t>
  </si>
  <si>
    <t>中島2-15-1</t>
  </si>
  <si>
    <t>日枝大神社</t>
  </si>
  <si>
    <t>中村 友郎</t>
  </si>
  <si>
    <t>小田2-14-7</t>
  </si>
  <si>
    <t>若宮八幡宮</t>
  </si>
  <si>
    <t>大師駅前2-13-16</t>
  </si>
  <si>
    <t>神社神道系単立</t>
  </si>
  <si>
    <t>義田稲荷神社</t>
  </si>
  <si>
    <t>中川原 敏雄</t>
  </si>
  <si>
    <t>四谷上町23-20</t>
  </si>
  <si>
    <t>仏教系</t>
  </si>
  <si>
    <t>天台宗</t>
  </si>
  <si>
    <t>醫王寺</t>
  </si>
  <si>
    <t>宮山 光男</t>
  </si>
  <si>
    <t>旭町2-4-4</t>
  </si>
  <si>
    <t>観行院</t>
  </si>
  <si>
    <t>濱名 徳峰</t>
  </si>
  <si>
    <t>砂子2-5-2</t>
  </si>
  <si>
    <t>久遠寺</t>
  </si>
  <si>
    <t>関根 一久</t>
  </si>
  <si>
    <t>宮本町5-5</t>
  </si>
  <si>
    <t>幸福寺</t>
  </si>
  <si>
    <t>須藤 大惠</t>
  </si>
  <si>
    <t>宮本町2-21</t>
  </si>
  <si>
    <t>壽永寺</t>
  </si>
  <si>
    <t>荘司 高俊</t>
  </si>
  <si>
    <t>観音2-1-7</t>
  </si>
  <si>
    <t>千蔵寺</t>
  </si>
  <si>
    <t>平 了匠</t>
  </si>
  <si>
    <t>中瀬3-20-2</t>
  </si>
  <si>
    <t>遍照寺</t>
  </si>
  <si>
    <t>坂本 圭司</t>
  </si>
  <si>
    <t>中島2-12-10</t>
  </si>
  <si>
    <t>法栄寺</t>
  </si>
  <si>
    <t>髙橋 慈海</t>
  </si>
  <si>
    <t>殿町2-1-19</t>
  </si>
  <si>
    <t>明長寺</t>
  </si>
  <si>
    <t>松田 亮寛</t>
  </si>
  <si>
    <t>大師本町10-22</t>
  </si>
  <si>
    <t>真言宗醍醐派</t>
  </si>
  <si>
    <t>金剛教会</t>
  </si>
  <si>
    <t>野崎 三造</t>
  </si>
  <si>
    <t>代務者</t>
  </si>
  <si>
    <t>元木12</t>
  </si>
  <si>
    <t>真言宗山階派</t>
  </si>
  <si>
    <t>新勝院</t>
  </si>
  <si>
    <t>向山 德次</t>
  </si>
  <si>
    <t>大島3-10-9</t>
  </si>
  <si>
    <t>真言宗智山派</t>
  </si>
  <si>
    <t>円能院</t>
  </si>
  <si>
    <t>佐藤 隆一</t>
  </si>
  <si>
    <t>小田1-25-12</t>
  </si>
  <si>
    <t>成就院</t>
  </si>
  <si>
    <t>倉田 隆伸</t>
  </si>
  <si>
    <t>渡田3-8-1</t>
  </si>
  <si>
    <t>真観寺</t>
  </si>
  <si>
    <t>大野 浩寿</t>
  </si>
  <si>
    <t>大島2-10-16</t>
  </si>
  <si>
    <t>真福寺</t>
  </si>
  <si>
    <t>森岡 正紀</t>
  </si>
  <si>
    <t>堀之内町11-7</t>
  </si>
  <si>
    <t>平間寺</t>
  </si>
  <si>
    <t>藤田 隆乗</t>
  </si>
  <si>
    <t>大師町4-48</t>
  </si>
  <si>
    <t>浄土宗</t>
  </si>
  <si>
    <t>一行寺</t>
  </si>
  <si>
    <t>吉水 智栄</t>
  </si>
  <si>
    <t>本町1-1-5</t>
  </si>
  <si>
    <t>教安寺</t>
  </si>
  <si>
    <t>野呂 幸裕</t>
  </si>
  <si>
    <t>小川町6-2</t>
  </si>
  <si>
    <t>大徳寺</t>
  </si>
  <si>
    <t>加藤 佑心</t>
  </si>
  <si>
    <t>砂子2-8-4</t>
  </si>
  <si>
    <t>浄土真宗本願寺派</t>
  </si>
  <si>
    <t>円光寺</t>
  </si>
  <si>
    <t>石川 康亮</t>
  </si>
  <si>
    <t>台町4-21</t>
  </si>
  <si>
    <t>光徳寺</t>
  </si>
  <si>
    <t>林 信順</t>
  </si>
  <si>
    <t>京町1-14-3</t>
  </si>
  <si>
    <t>宝円寺</t>
  </si>
  <si>
    <t>飯田 明慧</t>
  </si>
  <si>
    <t>境町5-10</t>
  </si>
  <si>
    <t>真宗大谷派</t>
  </si>
  <si>
    <t>德泉寺</t>
  </si>
  <si>
    <t>岩嵜 徹</t>
  </si>
  <si>
    <t>旭町1-14-13</t>
  </si>
  <si>
    <t>曹洞宗</t>
  </si>
  <si>
    <t>観音寺</t>
  </si>
  <si>
    <t>佐藤 明彦</t>
  </si>
  <si>
    <t>浜町1-18-3</t>
  </si>
  <si>
    <t>宗三寺</t>
  </si>
  <si>
    <t>服部 直哉</t>
  </si>
  <si>
    <t>砂子1-4-3</t>
  </si>
  <si>
    <t>日蓮宗</t>
  </si>
  <si>
    <t>日蓮宗辨天教会</t>
  </si>
  <si>
    <t>大山 智成</t>
  </si>
  <si>
    <t>浜町3-5-16</t>
  </si>
  <si>
    <t>妙遠寺</t>
  </si>
  <si>
    <t>日野 隆純</t>
  </si>
  <si>
    <t>宮前町6-5</t>
  </si>
  <si>
    <t>本門佛立宗</t>
  </si>
  <si>
    <t>清證寺</t>
  </si>
  <si>
    <t>永江 正夫</t>
  </si>
  <si>
    <t>貝塚2-14-13</t>
  </si>
  <si>
    <t>仏教系単立</t>
  </si>
  <si>
    <t>安国寺</t>
  </si>
  <si>
    <t>金 周賢</t>
  </si>
  <si>
    <t>中島2-19-13</t>
  </si>
  <si>
    <t>日本基督教団</t>
  </si>
  <si>
    <t>日本基督教団川崎教会</t>
  </si>
  <si>
    <t>平井 克也</t>
  </si>
  <si>
    <t>小川町11-13</t>
  </si>
  <si>
    <t>日本基督教団川崎境町教会</t>
  </si>
  <si>
    <t>宮澤 恵樹</t>
  </si>
  <si>
    <t>境町3-12</t>
  </si>
  <si>
    <t>日本基督教団桜本教会</t>
  </si>
  <si>
    <t>下園 昌彦</t>
  </si>
  <si>
    <t>観音1-1-19</t>
  </si>
  <si>
    <t>在日大韓基督教会</t>
  </si>
  <si>
    <t>在日大韓基督教川崎教会</t>
  </si>
  <si>
    <t>李 明忠</t>
  </si>
  <si>
    <t>桜本1-8-22</t>
  </si>
  <si>
    <t>日本バプテスト同盟</t>
  </si>
  <si>
    <t>日本バプテスト同盟大師新生教会</t>
  </si>
  <si>
    <t>益 巖</t>
  </si>
  <si>
    <t>大師町15-9</t>
  </si>
  <si>
    <t>キリスト教系単立</t>
  </si>
  <si>
    <t>大野 義希</t>
  </si>
  <si>
    <t>藤崎1-27-7</t>
  </si>
  <si>
    <t>日本基督会川崎教会</t>
  </si>
  <si>
    <t>髙橋 誠</t>
  </si>
  <si>
    <t>本町1-4-13</t>
  </si>
  <si>
    <t>諸教</t>
  </si>
  <si>
    <t>天理教</t>
  </si>
  <si>
    <t>天理教大和田分教会</t>
  </si>
  <si>
    <t>金子 みどり</t>
  </si>
  <si>
    <t>大師河原2-5-20</t>
  </si>
  <si>
    <t>天理教川崎分教会</t>
  </si>
  <si>
    <t>村上 德治</t>
  </si>
  <si>
    <t>本町2-7-6</t>
  </si>
  <si>
    <t>天理教幸忠分教会</t>
  </si>
  <si>
    <t>吉沼 昌夫</t>
  </si>
  <si>
    <t>小田6-1-15</t>
  </si>
  <si>
    <t>天理教甲勇分教会</t>
  </si>
  <si>
    <t>森下 國勝</t>
  </si>
  <si>
    <t>藤崎4-1-2</t>
  </si>
  <si>
    <t>天理教下川崎分教会</t>
  </si>
  <si>
    <t>廣瀬 理恵子</t>
  </si>
  <si>
    <t>下並木74</t>
  </si>
  <si>
    <t>天理教新甲生分教会</t>
  </si>
  <si>
    <t>菅野 史朗</t>
  </si>
  <si>
    <t>中島3-12-5</t>
  </si>
  <si>
    <t>天理教神仙台分教会</t>
  </si>
  <si>
    <t>長沢 健雄</t>
  </si>
  <si>
    <t>鋼管通1-19-6</t>
  </si>
  <si>
    <t>天理教田島分教会</t>
  </si>
  <si>
    <t>権藤 菊男</t>
  </si>
  <si>
    <t>田島町16-13</t>
  </si>
  <si>
    <t>天理教東久分教会</t>
  </si>
  <si>
    <t>髙橋 八弘</t>
  </si>
  <si>
    <t>大師町1-2</t>
  </si>
  <si>
    <t>天理教本久根分教会</t>
  </si>
  <si>
    <t>井上 義明</t>
  </si>
  <si>
    <t>旭町2-16-5</t>
  </si>
  <si>
    <t>小倉神社</t>
  </si>
  <si>
    <t>岩澤 具治</t>
  </si>
  <si>
    <t>幸区</t>
  </si>
  <si>
    <t>小倉3-28-13</t>
  </si>
  <si>
    <t>鹿島大神</t>
  </si>
  <si>
    <t>小泉 愉孝</t>
  </si>
  <si>
    <t>鹿島田2-22-44</t>
  </si>
  <si>
    <t>熊野神社</t>
  </si>
  <si>
    <t>吉田 盈一</t>
  </si>
  <si>
    <t>北加瀬1-13-2</t>
  </si>
  <si>
    <t>椎木稲荷神社</t>
  </si>
  <si>
    <t>小倉5-3-47</t>
  </si>
  <si>
    <t>神明大神</t>
  </si>
  <si>
    <t>伊藤 美州穂</t>
  </si>
  <si>
    <t>戸手本町2-395</t>
  </si>
  <si>
    <t>古川町96</t>
  </si>
  <si>
    <t>杉山大神</t>
  </si>
  <si>
    <t>小倉1-4-6</t>
  </si>
  <si>
    <t>天照皇太神</t>
  </si>
  <si>
    <t>南加瀬1-2-2</t>
  </si>
  <si>
    <t>天満天神社</t>
  </si>
  <si>
    <t>東古市場84</t>
  </si>
  <si>
    <t>下平間51</t>
  </si>
  <si>
    <t>女躰大神</t>
  </si>
  <si>
    <t>幸町1-994</t>
  </si>
  <si>
    <t>女體神社</t>
  </si>
  <si>
    <t>紺屋町12-1</t>
  </si>
  <si>
    <t>八幡大神</t>
  </si>
  <si>
    <t>小向242</t>
  </si>
  <si>
    <t>御嶽大神</t>
  </si>
  <si>
    <t>塚越110</t>
  </si>
  <si>
    <t>幸稲荷社</t>
  </si>
  <si>
    <t>深瀬 素宏</t>
  </si>
  <si>
    <t>中幸町1-11-7</t>
  </si>
  <si>
    <t>無量院</t>
  </si>
  <si>
    <t>大久保 信祥</t>
  </si>
  <si>
    <t>小倉2-7-1</t>
  </si>
  <si>
    <t>延命寺</t>
  </si>
  <si>
    <t>今野 恭美子</t>
  </si>
  <si>
    <t>都町4-2</t>
  </si>
  <si>
    <t>觀音寺</t>
  </si>
  <si>
    <t>陣川 隆行</t>
  </si>
  <si>
    <t>矢上6-8</t>
  </si>
  <si>
    <t>寿福寺</t>
  </si>
  <si>
    <t>伊藤 光史</t>
  </si>
  <si>
    <t>北加瀬1-12-20</t>
  </si>
  <si>
    <t>正蔵寺</t>
  </si>
  <si>
    <t>專修 大志</t>
  </si>
  <si>
    <t>小倉2-24-2</t>
  </si>
  <si>
    <t>東明寺</t>
  </si>
  <si>
    <t>吉岡 了泰</t>
  </si>
  <si>
    <t>塚越2-118</t>
  </si>
  <si>
    <t>正楽寺</t>
  </si>
  <si>
    <t>佐々木 理絵</t>
  </si>
  <si>
    <t>南幸町2-49</t>
  </si>
  <si>
    <t>重蓮寺</t>
  </si>
  <si>
    <t>長谷部 隆男</t>
  </si>
  <si>
    <t>神明町2-8</t>
  </si>
  <si>
    <t>稱名寺</t>
  </si>
  <si>
    <t>本多 和</t>
  </si>
  <si>
    <t>下平間183</t>
  </si>
  <si>
    <t>長弘寺</t>
  </si>
  <si>
    <t>瀬 一海</t>
  </si>
  <si>
    <t>南加瀬3-24-16</t>
  </si>
  <si>
    <t>廣瀬 一海</t>
  </si>
  <si>
    <t>静翁寺</t>
  </si>
  <si>
    <t>亀野 英光</t>
  </si>
  <si>
    <t>神明町2-58</t>
  </si>
  <si>
    <t>圓眞寺</t>
  </si>
  <si>
    <t>渡邊 眞岳</t>
  </si>
  <si>
    <t>幸町3-711</t>
  </si>
  <si>
    <t>正教寺</t>
  </si>
  <si>
    <t>池内 教明</t>
  </si>
  <si>
    <t>紺屋町72</t>
  </si>
  <si>
    <t>浄蓮寺</t>
  </si>
  <si>
    <t>伊東 正光</t>
  </si>
  <si>
    <t>鹿島田1-7-5</t>
  </si>
  <si>
    <t>日蓮宗法明教会</t>
  </si>
  <si>
    <t>村田 征昭</t>
  </si>
  <si>
    <t>古市場1-26</t>
  </si>
  <si>
    <t>妙光寺</t>
  </si>
  <si>
    <t>吉田 顕嶺</t>
  </si>
  <si>
    <t>小向町20-1</t>
  </si>
  <si>
    <t>了源寺</t>
  </si>
  <si>
    <t>永田 行雄</t>
  </si>
  <si>
    <t>北加瀬1-13-1</t>
  </si>
  <si>
    <t>浄土真宗法安寺</t>
  </si>
  <si>
    <t>春日 照道</t>
  </si>
  <si>
    <t>下平間216</t>
  </si>
  <si>
    <t>日本基督教団川崎戸手教会</t>
  </si>
  <si>
    <t>孫 裕久</t>
  </si>
  <si>
    <t>戸手3-8-12</t>
  </si>
  <si>
    <t>日本ホーリネス教団</t>
  </si>
  <si>
    <t>日本ホーリネス教団川崎ホーリネス教会</t>
  </si>
  <si>
    <t>松木 直人</t>
  </si>
  <si>
    <t>塚越2-152-14</t>
  </si>
  <si>
    <t>京浜福音キリスト教会</t>
  </si>
  <si>
    <t>松木 充</t>
  </si>
  <si>
    <t>南幸町3-34</t>
  </si>
  <si>
    <t>リビング・ウォーター・チャーチ</t>
  </si>
  <si>
    <t>李 正秀</t>
  </si>
  <si>
    <t>南幸町1-5</t>
  </si>
  <si>
    <t>天理教神六東分教会</t>
  </si>
  <si>
    <t>森 幸枝</t>
  </si>
  <si>
    <t>南加瀬4-13-27</t>
  </si>
  <si>
    <t>天理教隅幸分教会</t>
  </si>
  <si>
    <t>酒井 吉昭</t>
  </si>
  <si>
    <t>中幸町2-28</t>
  </si>
  <si>
    <t>天理教本小松分教会</t>
  </si>
  <si>
    <t>市川 守廣</t>
  </si>
  <si>
    <t>鹿島田2-21-12</t>
  </si>
  <si>
    <t>天理教南河原分教会</t>
  </si>
  <si>
    <t>星 とし子</t>
  </si>
  <si>
    <t>南幸町3-70</t>
  </si>
  <si>
    <t>天理教都多摩分教会</t>
  </si>
  <si>
    <t>小西 祥治</t>
  </si>
  <si>
    <t>古市場1-40-8</t>
  </si>
  <si>
    <t>天理教御幸町分教会</t>
  </si>
  <si>
    <t>斎藤 廣一</t>
  </si>
  <si>
    <t>小向西町3-40</t>
  </si>
  <si>
    <t>天理教六郷川分教会</t>
  </si>
  <si>
    <t>平島 とみ子</t>
  </si>
  <si>
    <t>戸手4-6-13</t>
  </si>
  <si>
    <t>市ノ坪神社</t>
  </si>
  <si>
    <t>中原区</t>
  </si>
  <si>
    <t>市ノ坪54</t>
  </si>
  <si>
    <t>今井神社</t>
  </si>
  <si>
    <t>今井上町7-13</t>
  </si>
  <si>
    <t>大戸神社</t>
  </si>
  <si>
    <t>山本 雅道</t>
  </si>
  <si>
    <t>下小田中1-2-8</t>
  </si>
  <si>
    <t>春日神社</t>
  </si>
  <si>
    <t>宮内4-12-2</t>
  </si>
  <si>
    <t>小杉神社</t>
  </si>
  <si>
    <t>小杉御殿町1-1010</t>
  </si>
  <si>
    <t>三社宮</t>
  </si>
  <si>
    <t>下沼部1747</t>
  </si>
  <si>
    <t>新城神社</t>
  </si>
  <si>
    <t>鈴木 敬一</t>
  </si>
  <si>
    <t>新城中町4-14</t>
  </si>
  <si>
    <t>上小田中6-43-1</t>
  </si>
  <si>
    <t>中丸子492</t>
  </si>
  <si>
    <t>住神社</t>
  </si>
  <si>
    <t>田 盈一</t>
  </si>
  <si>
    <t>木月1-20-1</t>
  </si>
  <si>
    <t>住吉神社</t>
  </si>
  <si>
    <t>関神社</t>
  </si>
  <si>
    <t>上小田中1-13-1</t>
  </si>
  <si>
    <t>天照皇大神宮</t>
  </si>
  <si>
    <t>井田中ノ町13-24</t>
  </si>
  <si>
    <t>苅宿19-17</t>
  </si>
  <si>
    <t>上平間299</t>
  </si>
  <si>
    <t>日枝神社</t>
  </si>
  <si>
    <t>上丸子山王町1-1555</t>
  </si>
  <si>
    <t>京浜伏見稲荷神社</t>
  </si>
  <si>
    <t>富澤 康秀</t>
  </si>
  <si>
    <t>新丸子東2-980</t>
  </si>
  <si>
    <t>扶桑教</t>
  </si>
  <si>
    <t>扶桑教冨士心道武蔵中丸教会</t>
  </si>
  <si>
    <t>河原 美幸</t>
  </si>
  <si>
    <t>中丸子104</t>
  </si>
  <si>
    <t>金光教</t>
  </si>
  <si>
    <t>金光教丸子教会</t>
  </si>
  <si>
    <t>横山 光雄</t>
  </si>
  <si>
    <t>中丸子552</t>
  </si>
  <si>
    <t>金光教武蔵小杉教会</t>
  </si>
  <si>
    <t>須賀院 崇徳</t>
  </si>
  <si>
    <t>小杉御殿町2-82</t>
  </si>
  <si>
    <t>天輪王明誠教団</t>
  </si>
  <si>
    <t>明誠教団南武教会</t>
  </si>
  <si>
    <t>荒井 正明</t>
  </si>
  <si>
    <t>中丸子554</t>
  </si>
  <si>
    <t>安養寺</t>
  </si>
  <si>
    <t>横田 隆壽</t>
  </si>
  <si>
    <t>上新城1-9-5</t>
  </si>
  <si>
    <t>西明寺</t>
  </si>
  <si>
    <t>渡 新治</t>
  </si>
  <si>
    <t>小杉御殿町1-906</t>
  </si>
  <si>
    <t>渡邉 新治</t>
  </si>
  <si>
    <t>慈観寺</t>
  </si>
  <si>
    <t>竹村 教誠</t>
  </si>
  <si>
    <t>小杉陣屋町2-15-2</t>
  </si>
  <si>
    <t>鈴木 光因</t>
  </si>
  <si>
    <t>小杉陣屋町1-32-1</t>
  </si>
  <si>
    <t>常楽寺</t>
  </si>
  <si>
    <t>谷口 順和</t>
  </si>
  <si>
    <t>宮内4-12-14</t>
  </si>
  <si>
    <t>大楽寺</t>
  </si>
  <si>
    <t>佐藤 教寛</t>
  </si>
  <si>
    <t>木月4-22-32</t>
  </si>
  <si>
    <t>長福寺</t>
  </si>
  <si>
    <t>唐澤 隆文</t>
  </si>
  <si>
    <t>上小田中6-38-3</t>
  </si>
  <si>
    <t>東樹院</t>
  </si>
  <si>
    <t>大場 秀幸</t>
  </si>
  <si>
    <t>宮内1-11-1</t>
  </si>
  <si>
    <t>東福寺</t>
  </si>
  <si>
    <t>佐藤 達雄</t>
  </si>
  <si>
    <t>市ノ坪45</t>
  </si>
  <si>
    <t>宝蔵寺</t>
  </si>
  <si>
    <t>谷口 隆祥</t>
  </si>
  <si>
    <t>上小田中1-4-13</t>
  </si>
  <si>
    <t>無量寺</t>
  </si>
  <si>
    <t>佐藤 和久</t>
  </si>
  <si>
    <t>中丸子498</t>
  </si>
  <si>
    <t>真言宗豊山派</t>
  </si>
  <si>
    <t>大樂院</t>
  </si>
  <si>
    <t>日吉 絵理子</t>
  </si>
  <si>
    <t>上丸子八幡町1522</t>
  </si>
  <si>
    <t>正受院</t>
  </si>
  <si>
    <t>朝倉 和信</t>
  </si>
  <si>
    <t>上小田中1-29-33</t>
  </si>
  <si>
    <t>善教寺</t>
  </si>
  <si>
    <t>金子 寛哉</t>
  </si>
  <si>
    <t>井田1-20-1</t>
  </si>
  <si>
    <t>泉沢寺</t>
  </si>
  <si>
    <t>鈴木 俊道</t>
  </si>
  <si>
    <t>上小田中7-20-5</t>
  </si>
  <si>
    <t>髙願寺</t>
  </si>
  <si>
    <t>宮本 義宣</t>
  </si>
  <si>
    <t>宮内4-3-12</t>
  </si>
  <si>
    <t>西福寺</t>
  </si>
  <si>
    <t>渡辺 智香</t>
  </si>
  <si>
    <t>上平間420</t>
  </si>
  <si>
    <t>臨済宗妙心寺派</t>
  </si>
  <si>
    <t>又玄寺</t>
  </si>
  <si>
    <t>熊谷 弘道</t>
  </si>
  <si>
    <t>新城中町1-1</t>
  </si>
  <si>
    <t>安楽寺</t>
  </si>
  <si>
    <t>田島 道男</t>
  </si>
  <si>
    <t>下小田中2-36-1</t>
  </si>
  <si>
    <t>清浄庵</t>
  </si>
  <si>
    <t>上平間174</t>
  </si>
  <si>
    <t>全龍寺</t>
  </si>
  <si>
    <t>栁 周峯</t>
  </si>
  <si>
    <t>下小田中5-3-15</t>
  </si>
  <si>
    <t>大乗院</t>
  </si>
  <si>
    <t>和田 学英</t>
  </si>
  <si>
    <t>今井南町2-1</t>
  </si>
  <si>
    <t>日蓮宗顕妙教会</t>
  </si>
  <si>
    <t>髙作 泰寛</t>
  </si>
  <si>
    <t>木月1-466</t>
  </si>
  <si>
    <t>日蓮宗八紘長妙教会</t>
  </si>
  <si>
    <t>中村 宣樹</t>
  </si>
  <si>
    <t>宮内1-7-48</t>
  </si>
  <si>
    <t>法田寺</t>
  </si>
  <si>
    <t>岸 顕崇</t>
  </si>
  <si>
    <t>上平間244</t>
  </si>
  <si>
    <t>妙海寺</t>
  </si>
  <si>
    <t>小林 慈瑛</t>
  </si>
  <si>
    <t>木月4-42-6</t>
  </si>
  <si>
    <t>日蓮正宗</t>
  </si>
  <si>
    <t>持経寺</t>
  </si>
  <si>
    <t>天野 之道</t>
  </si>
  <si>
    <t>木月3-35-12</t>
  </si>
  <si>
    <t>信行寺</t>
  </si>
  <si>
    <t>指田 隆行</t>
  </si>
  <si>
    <t>下沼部1770</t>
  </si>
  <si>
    <t>日本山妙法寺大僧伽</t>
  </si>
  <si>
    <t>日本山妙法寺川崎小僧伽</t>
  </si>
  <si>
    <t>武田 隆雄</t>
  </si>
  <si>
    <t>井田2-1-4</t>
  </si>
  <si>
    <t>日本基督教団新丸子教会</t>
  </si>
  <si>
    <t>髙橋 博</t>
  </si>
  <si>
    <t>新丸子町744</t>
  </si>
  <si>
    <t>日本基督教団向河原教会</t>
  </si>
  <si>
    <t>小松 美樹</t>
  </si>
  <si>
    <t>上丸子山王町2-1335-2</t>
  </si>
  <si>
    <t>日本基督教団元住吉教会</t>
  </si>
  <si>
    <t>三宅 宣幸</t>
  </si>
  <si>
    <t>木月3-60-3</t>
  </si>
  <si>
    <t>日本バプテスト連盟</t>
  </si>
  <si>
    <t>川崎バプテスト教会</t>
  </si>
  <si>
    <t>松藤 一作</t>
  </si>
  <si>
    <t>新城5-8-27</t>
  </si>
  <si>
    <t>天理教小杉分教会</t>
  </si>
  <si>
    <t>関 眞一郎</t>
  </si>
  <si>
    <t>宮内1-2-9</t>
  </si>
  <si>
    <t>天理教新丸子分教会</t>
  </si>
  <si>
    <t>山本 清</t>
  </si>
  <si>
    <t>上丸子八幡町1468</t>
  </si>
  <si>
    <t>天理教東正明分教会</t>
  </si>
  <si>
    <t>中西 英春</t>
  </si>
  <si>
    <t>井田1-3-20</t>
  </si>
  <si>
    <t>天理教浦明分教会</t>
  </si>
  <si>
    <t>加賀谷 喜代美</t>
  </si>
  <si>
    <t>新丸子東2-898</t>
  </si>
  <si>
    <t>天理教本中神分教会</t>
  </si>
  <si>
    <t>谷 昭廣</t>
  </si>
  <si>
    <t>丸子通1-403</t>
  </si>
  <si>
    <t>天理教緑分教会</t>
  </si>
  <si>
    <t>田中 一直</t>
  </si>
  <si>
    <t>上丸子山王町1-1424</t>
  </si>
  <si>
    <t>赤城神社</t>
  </si>
  <si>
    <t>小泉 直</t>
  </si>
  <si>
    <t>高津区</t>
  </si>
  <si>
    <t>上作延210</t>
  </si>
  <si>
    <t>宇佐神社</t>
  </si>
  <si>
    <t>長﨑 浩明</t>
  </si>
  <si>
    <t>下野毛2-6-8</t>
  </si>
  <si>
    <t>久地神社</t>
  </si>
  <si>
    <t>久地511</t>
  </si>
  <si>
    <t>明津142</t>
  </si>
  <si>
    <t>白髭神社</t>
  </si>
  <si>
    <t>北見方2-14-7</t>
  </si>
  <si>
    <t>新作八幡宮</t>
  </si>
  <si>
    <t>金子 善光</t>
  </si>
  <si>
    <t>新作3-6-15</t>
  </si>
  <si>
    <t>神明社</t>
  </si>
  <si>
    <t>梶ケ谷4-13-6</t>
  </si>
  <si>
    <t>上作延1190</t>
  </si>
  <si>
    <t>下作延4-16-1</t>
  </si>
  <si>
    <t>杉山神社</t>
  </si>
  <si>
    <t>末長2-28-1</t>
  </si>
  <si>
    <t>諏訪神社</t>
  </si>
  <si>
    <t>大仁田 美紀子</t>
  </si>
  <si>
    <t>諏訪3-16-48</t>
  </si>
  <si>
    <t>橘樹神社</t>
  </si>
  <si>
    <t>子母口122</t>
  </si>
  <si>
    <t>千年神社</t>
  </si>
  <si>
    <t>千年539</t>
  </si>
  <si>
    <t>天照大神</t>
  </si>
  <si>
    <t>石川 正人</t>
  </si>
  <si>
    <t>久末642</t>
  </si>
  <si>
    <t>氷川神社</t>
  </si>
  <si>
    <t>宇奈根646-ﾛ</t>
  </si>
  <si>
    <t>久本神社</t>
  </si>
  <si>
    <t>久本1-16-13</t>
  </si>
  <si>
    <t>二子神社</t>
  </si>
  <si>
    <t>二子1-4-1</t>
  </si>
  <si>
    <t>溝口神社</t>
  </si>
  <si>
    <t>溝口2-25-1</t>
  </si>
  <si>
    <t>御嶽神社</t>
  </si>
  <si>
    <t>坂戸2-20-1</t>
  </si>
  <si>
    <t>八太神社</t>
  </si>
  <si>
    <t>蟹ケ谷285</t>
  </si>
  <si>
    <t>和田 光裕</t>
  </si>
  <si>
    <t>上作延204</t>
  </si>
  <si>
    <t>相馬 觀順</t>
  </si>
  <si>
    <t>梶ケ谷5-11-3</t>
  </si>
  <si>
    <t>増福寺</t>
  </si>
  <si>
    <t>寺田 良則</t>
  </si>
  <si>
    <t>末長2-34-8</t>
  </si>
  <si>
    <t>能満寺</t>
  </si>
  <si>
    <t>佐々木 亮均</t>
  </si>
  <si>
    <t>千年354</t>
  </si>
  <si>
    <t>明鏡寺</t>
  </si>
  <si>
    <t>原田 康至</t>
  </si>
  <si>
    <t>末長2-27-42</t>
  </si>
  <si>
    <t>妙法寺</t>
  </si>
  <si>
    <t>池田 正賢</t>
  </si>
  <si>
    <t>久末375</t>
  </si>
  <si>
    <t>養福寺</t>
  </si>
  <si>
    <t>鈴木 堯泰</t>
  </si>
  <si>
    <t>新作1-16-13</t>
  </si>
  <si>
    <t>龍台寺</t>
  </si>
  <si>
    <t>樋口 智亮</t>
  </si>
  <si>
    <t>久本2-12-23</t>
  </si>
  <si>
    <t>守護尊寺</t>
  </si>
  <si>
    <t>西袋 義進</t>
  </si>
  <si>
    <t>久地1-37-1</t>
  </si>
  <si>
    <t>安養院</t>
  </si>
  <si>
    <t>種村 隆元</t>
  </si>
  <si>
    <t>坂戸2-14-38</t>
  </si>
  <si>
    <t>明王院</t>
  </si>
  <si>
    <t>國兼 隆一</t>
  </si>
  <si>
    <t>諏訪3-14-3</t>
  </si>
  <si>
    <t>蓮花寺</t>
  </si>
  <si>
    <t>飯田 盛重</t>
  </si>
  <si>
    <t>久末1292</t>
  </si>
  <si>
    <t>蓮乗院</t>
  </si>
  <si>
    <t>代田 隆紀</t>
  </si>
  <si>
    <t>子母口129</t>
  </si>
  <si>
    <t>善養寺</t>
  </si>
  <si>
    <t>古庄 良如</t>
  </si>
  <si>
    <t>下作延5-23-1</t>
  </si>
  <si>
    <t>大蓮寺</t>
  </si>
  <si>
    <t>大橋 雄人</t>
  </si>
  <si>
    <t>久本2-8-5</t>
  </si>
  <si>
    <t>光明寺</t>
  </si>
  <si>
    <t>菊川 了英</t>
  </si>
  <si>
    <t>二子1-10-10</t>
  </si>
  <si>
    <t>真宗高田派</t>
  </si>
  <si>
    <t>常専寺</t>
  </si>
  <si>
    <t>稲毛 修一</t>
  </si>
  <si>
    <t>明津75</t>
  </si>
  <si>
    <t>薬師院</t>
  </si>
  <si>
    <t>稲田 健司</t>
  </si>
  <si>
    <t>新作3-27-1</t>
  </si>
  <si>
    <t>圓福寺</t>
  </si>
  <si>
    <t>上形 卓道</t>
  </si>
  <si>
    <t>下作延7-10-1</t>
  </si>
  <si>
    <t>養周院</t>
  </si>
  <si>
    <t>上形 恵理子</t>
  </si>
  <si>
    <t>久地3-10-32</t>
  </si>
  <si>
    <t>圓融寺</t>
  </si>
  <si>
    <t>子母口27</t>
  </si>
  <si>
    <t>慈照寺</t>
  </si>
  <si>
    <t>安藤 秀岳</t>
  </si>
  <si>
    <t>下作延5-18-12</t>
  </si>
  <si>
    <t>浄元寺</t>
  </si>
  <si>
    <t>荒川 泰淳</t>
  </si>
  <si>
    <t>久地1-31-1</t>
  </si>
  <si>
    <t>宗隆寺</t>
  </si>
  <si>
    <t>嶋田 一乗</t>
  </si>
  <si>
    <t>溝口2-29-1</t>
  </si>
  <si>
    <t>正福寺</t>
  </si>
  <si>
    <t>大場 和子</t>
  </si>
  <si>
    <t>北見方2-13-1</t>
  </si>
  <si>
    <t>専念寺</t>
  </si>
  <si>
    <t>伊藤 達雄</t>
  </si>
  <si>
    <t>蟹ケ谷39</t>
  </si>
  <si>
    <t>福徳教会</t>
  </si>
  <si>
    <t>伊藤 元明</t>
  </si>
  <si>
    <t>久地2-6-28</t>
  </si>
  <si>
    <t>日本基督教団溝ノ口教会</t>
  </si>
  <si>
    <t>飯田 輝明</t>
  </si>
  <si>
    <t>下作延2-34-22</t>
  </si>
  <si>
    <t>ｾﾞ･ｴﾊﾞﾝｾﾞﾘｶﾙ･ｱﾗｲｱﾝｽ･ﾐｯｼｮﾝ(日本同盟基督教団)</t>
  </si>
  <si>
    <t>日本同盟基督教団子母口キリスト教会</t>
  </si>
  <si>
    <t>小岩井 信</t>
  </si>
  <si>
    <t>子母口旭田776-2</t>
  </si>
  <si>
    <t>日本アッセンブリーズ・オブ・ゴッド教団</t>
  </si>
  <si>
    <t>日本アッセンブリーズ･オブ･ゴッド教団溝の口キリスト教会</t>
  </si>
  <si>
    <t>仁井田 義政</t>
  </si>
  <si>
    <t>下作延7-11-12</t>
  </si>
  <si>
    <t>イムマヌエル綜合伝道団</t>
  </si>
  <si>
    <t>イムマヌエル綜合伝道団髙津基督教会</t>
  </si>
  <si>
    <t>藤本 満</t>
  </si>
  <si>
    <t>溝口4-3-18</t>
  </si>
  <si>
    <t>エホバの証人の神奈川県川崎会衆</t>
  </si>
  <si>
    <t>志賀 賢三</t>
  </si>
  <si>
    <t>東野川2-5-33</t>
  </si>
  <si>
    <t>天理教末長分教会</t>
  </si>
  <si>
    <t>関口 悦子</t>
  </si>
  <si>
    <t>下作延2-27-1</t>
  </si>
  <si>
    <t>天理教南品分教会</t>
  </si>
  <si>
    <t>荒川 美幸</t>
  </si>
  <si>
    <t>坂戸2-11-33</t>
  </si>
  <si>
    <t>天理教南林分教会</t>
  </si>
  <si>
    <t>内田 竹男</t>
  </si>
  <si>
    <t>下野毛1-8-3</t>
  </si>
  <si>
    <t>白幡八幡大神</t>
  </si>
  <si>
    <t>宮前区</t>
  </si>
  <si>
    <t>平4-6-1</t>
  </si>
  <si>
    <t>野川本町3-10-1</t>
  </si>
  <si>
    <t>有馬5-13-24</t>
  </si>
  <si>
    <t>菅生神社</t>
  </si>
  <si>
    <t>菅生2-8-1</t>
  </si>
  <si>
    <t>土橋神社</t>
  </si>
  <si>
    <t>土橋1-10-22</t>
  </si>
  <si>
    <t>天満宮</t>
  </si>
  <si>
    <t>神木本町3-4-36</t>
  </si>
  <si>
    <t>馬絹神社</t>
  </si>
  <si>
    <t>馬絹5-21-5</t>
  </si>
  <si>
    <t>西藏寺</t>
  </si>
  <si>
    <t>大久保 廣恵</t>
  </si>
  <si>
    <t>野川本町2-19-10</t>
  </si>
  <si>
    <t>土橋6-2-8</t>
  </si>
  <si>
    <t>泉福寺</t>
  </si>
  <si>
    <t>浮岳 尭仁</t>
  </si>
  <si>
    <t>馬絹2-9-1</t>
  </si>
  <si>
    <t>等覚院</t>
  </si>
  <si>
    <t>中島 有淳</t>
  </si>
  <si>
    <t>神木本町1-8-1</t>
  </si>
  <si>
    <t>影向寺</t>
  </si>
  <si>
    <t>加藤 浩照</t>
  </si>
  <si>
    <t>野川本町3-4-4</t>
  </si>
  <si>
    <t>浄照寺</t>
  </si>
  <si>
    <t>加藤 孝充</t>
  </si>
  <si>
    <t>鷺沼2-5-7</t>
  </si>
  <si>
    <t>真宗佛光寺派</t>
  </si>
  <si>
    <t>長安寺</t>
  </si>
  <si>
    <t>渋谷 良法</t>
  </si>
  <si>
    <t>菅生4-3-11</t>
  </si>
  <si>
    <t>臨済宗円覚寺派</t>
  </si>
  <si>
    <t>福王寺</t>
  </si>
  <si>
    <t>永田 正和</t>
  </si>
  <si>
    <t>有馬5-14-22</t>
  </si>
  <si>
    <t>福井 寛隆</t>
  </si>
  <si>
    <t>馬絹4-41-26</t>
  </si>
  <si>
    <t>秋月院</t>
  </si>
  <si>
    <t>加藤 泰俊</t>
  </si>
  <si>
    <t>菅生2-28-1</t>
  </si>
  <si>
    <t>東泉寺</t>
  </si>
  <si>
    <t>平1-7-28</t>
  </si>
  <si>
    <t>長尾寺</t>
  </si>
  <si>
    <t>遠藤 清門</t>
  </si>
  <si>
    <t>神木本町4-15-20</t>
  </si>
  <si>
    <t>日蓮宗潮見台教会</t>
  </si>
  <si>
    <t>内海 惠俊</t>
  </si>
  <si>
    <t>潮見台18-5</t>
  </si>
  <si>
    <t>本遠寺</t>
  </si>
  <si>
    <t>町田 順文</t>
  </si>
  <si>
    <t>初山1-2-1</t>
  </si>
  <si>
    <t>長善寺</t>
  </si>
  <si>
    <t>飯嶋 洋子</t>
  </si>
  <si>
    <t>東有馬5-11-1</t>
  </si>
  <si>
    <t>神木イエス･キリスト教会</t>
  </si>
  <si>
    <t>三谷 和司</t>
  </si>
  <si>
    <t>神木1-2-24</t>
  </si>
  <si>
    <t>天理教市根分教会</t>
  </si>
  <si>
    <t>加藤 智弘</t>
  </si>
  <si>
    <t>菅生1-17-6</t>
  </si>
  <si>
    <t>天理教都崎分教会</t>
  </si>
  <si>
    <t>岡口 裕正</t>
  </si>
  <si>
    <t>五所塚1-10</t>
  </si>
  <si>
    <t>天理教本豊永分教会</t>
  </si>
  <si>
    <t>永瀬 純子</t>
  </si>
  <si>
    <t>宮崎163-6</t>
  </si>
  <si>
    <t>天理教本宮福分教会</t>
  </si>
  <si>
    <t>蓮見 正一</t>
  </si>
  <si>
    <t>宮崎168-8</t>
  </si>
  <si>
    <t>天理教龍美分教会</t>
  </si>
  <si>
    <t>菊田 貞男</t>
  </si>
  <si>
    <t>菅生2-26-12</t>
  </si>
  <si>
    <t>稲荷社</t>
  </si>
  <si>
    <t>伊藤 光海</t>
  </si>
  <si>
    <t>多摩区</t>
  </si>
  <si>
    <t>登戸2297</t>
  </si>
  <si>
    <t>堰2-5-20</t>
  </si>
  <si>
    <t>中野島1-16-2</t>
  </si>
  <si>
    <t>五反田神社</t>
  </si>
  <si>
    <t>三田1-2-10</t>
  </si>
  <si>
    <t>須賀神社</t>
  </si>
  <si>
    <t>伊藤 南</t>
  </si>
  <si>
    <t>栗谷3-6176</t>
  </si>
  <si>
    <t>杉山社</t>
  </si>
  <si>
    <t>西生田3-3-2</t>
  </si>
  <si>
    <t>諏訪社</t>
  </si>
  <si>
    <t>長沢4-7-1</t>
  </si>
  <si>
    <t>浅間社</t>
  </si>
  <si>
    <t>登戸2919</t>
  </si>
  <si>
    <t>天神社</t>
  </si>
  <si>
    <t>枡形6-16-7</t>
  </si>
  <si>
    <t>長尾神社</t>
  </si>
  <si>
    <t>長尾3-10-1</t>
  </si>
  <si>
    <t>子之神社</t>
  </si>
  <si>
    <t>菅北浦5-4-1</t>
  </si>
  <si>
    <t>八幡社</t>
  </si>
  <si>
    <t>宿河原3-21-7</t>
  </si>
  <si>
    <t>八雲神社</t>
  </si>
  <si>
    <t>菅2-18-15</t>
  </si>
  <si>
    <t>塚田 博文</t>
  </si>
  <si>
    <t>中野島3-20-54</t>
  </si>
  <si>
    <t>林 慶仁</t>
  </si>
  <si>
    <t>宿河原2-36-24</t>
  </si>
  <si>
    <t>福昌寺</t>
  </si>
  <si>
    <t>飯沼 祐順</t>
  </si>
  <si>
    <t>菅北浦5-3-1</t>
  </si>
  <si>
    <t>法泉寺</t>
  </si>
  <si>
    <t>浮岳 堯春</t>
  </si>
  <si>
    <t>菅北浦5-5-1</t>
  </si>
  <si>
    <t>妙楽寺</t>
  </si>
  <si>
    <t>溝江 光運</t>
  </si>
  <si>
    <t>長尾3-9-3</t>
  </si>
  <si>
    <t>龍嚴寺</t>
  </si>
  <si>
    <t>粕賀 廣洋</t>
  </si>
  <si>
    <t>堰3-11-25</t>
  </si>
  <si>
    <t>岩田 章三</t>
  </si>
  <si>
    <t>生田7-17-8</t>
  </si>
  <si>
    <t>廣福寺</t>
  </si>
  <si>
    <t>犬塚 正秀</t>
  </si>
  <si>
    <t>枡形6-7-1</t>
  </si>
  <si>
    <t>光明院</t>
  </si>
  <si>
    <t>森 興道</t>
  </si>
  <si>
    <t>登戸1253</t>
  </si>
  <si>
    <t>常照寺</t>
  </si>
  <si>
    <t>川腰 義一</t>
  </si>
  <si>
    <t>宿河原3-11-3</t>
  </si>
  <si>
    <t>安寺</t>
  </si>
  <si>
    <t>水谷 竜也</t>
  </si>
  <si>
    <t>宿河原2-44-17</t>
  </si>
  <si>
    <t>龍安寺</t>
  </si>
  <si>
    <t>長念寺</t>
  </si>
  <si>
    <t>小林 泰善</t>
  </si>
  <si>
    <t>登戸1416</t>
  </si>
  <si>
    <t>臨済宗建長寺派</t>
  </si>
  <si>
    <t>玉林寺</t>
  </si>
  <si>
    <t>大塚 高道</t>
  </si>
  <si>
    <t>菅馬場2-20-1</t>
  </si>
  <si>
    <t>壽福寺</t>
  </si>
  <si>
    <t>鈴村 玄哲</t>
  </si>
  <si>
    <t>菅仙谷1-14-1</t>
  </si>
  <si>
    <t>長松寺</t>
  </si>
  <si>
    <t>村田 靖哲</t>
  </si>
  <si>
    <t>菅北浦3-4-12</t>
  </si>
  <si>
    <t>盛源寺</t>
  </si>
  <si>
    <t>中島 智俊</t>
  </si>
  <si>
    <t>長沢1-29-6</t>
  </si>
  <si>
    <t>安立寺</t>
  </si>
  <si>
    <t>木田 隆正</t>
  </si>
  <si>
    <t>東生田1-27-1</t>
  </si>
  <si>
    <t>善立寺</t>
  </si>
  <si>
    <t>登戸2474</t>
  </si>
  <si>
    <t>法性寺</t>
  </si>
  <si>
    <t>平山 智雄</t>
  </si>
  <si>
    <t>西生田4-5-33</t>
  </si>
  <si>
    <t>常度寺</t>
  </si>
  <si>
    <t>梅屋 誠岳</t>
  </si>
  <si>
    <t>東生田4-5-1</t>
  </si>
  <si>
    <t>日本基督教団生田教会</t>
  </si>
  <si>
    <t>池迫 直人</t>
  </si>
  <si>
    <t>西生田4-9-3</t>
  </si>
  <si>
    <t>日本基督教団宿河原教会</t>
  </si>
  <si>
    <t>石田 幸子</t>
  </si>
  <si>
    <t>堰1-27-23</t>
  </si>
  <si>
    <t>日本基督教団三田教会</t>
  </si>
  <si>
    <t>嶋田 順好</t>
  </si>
  <si>
    <t>三田1-1-20</t>
  </si>
  <si>
    <t>日本同盟基督教団登戸教会</t>
  </si>
  <si>
    <t>李 俊昊</t>
  </si>
  <si>
    <t>登戸714-11</t>
  </si>
  <si>
    <t>エホバの証人の神奈川県川崎北会衆</t>
  </si>
  <si>
    <t>太田 清二</t>
  </si>
  <si>
    <t>長沢1-10-13</t>
  </si>
  <si>
    <t>菅キリスト教会</t>
  </si>
  <si>
    <t>小幡 塁オリバー</t>
  </si>
  <si>
    <t>菅北浦3-4-20</t>
  </si>
  <si>
    <t>中野島キリスト教会</t>
  </si>
  <si>
    <t>國分 広士</t>
  </si>
  <si>
    <t>中野島6-14-3</t>
  </si>
  <si>
    <t>登戸新約バプテスト教会</t>
  </si>
  <si>
    <t>田嶋 郁雄</t>
  </si>
  <si>
    <t>登戸2659-2</t>
  </si>
  <si>
    <t>ﾋｭｰﾊﾞｰ･ﾃｨﾓｼｰ･ﾎﾟｰﾙ</t>
  </si>
  <si>
    <t>登戸3209</t>
  </si>
  <si>
    <t>天理教生田丘分教会</t>
  </si>
  <si>
    <t>古谷 信弘</t>
  </si>
  <si>
    <t>枡形1-16-1</t>
  </si>
  <si>
    <t>天理教東登分教会</t>
  </si>
  <si>
    <t>田邊 嘉秀</t>
  </si>
  <si>
    <t>登戸2497</t>
  </si>
  <si>
    <t>天理教本芝梅分教会</t>
  </si>
  <si>
    <t>横堀 元彦</t>
  </si>
  <si>
    <t>登戸3851-1</t>
  </si>
  <si>
    <t>天理教本玉川分教会</t>
  </si>
  <si>
    <t>濃沼 和子</t>
  </si>
  <si>
    <t>菅馬場2-9-12</t>
  </si>
  <si>
    <t>岡上神社</t>
  </si>
  <si>
    <t>池田 貞明</t>
  </si>
  <si>
    <t>麻生区</t>
  </si>
  <si>
    <t>岡上809</t>
  </si>
  <si>
    <t>九郎明神社</t>
  </si>
  <si>
    <t>古沢497</t>
  </si>
  <si>
    <t>琴平神社</t>
  </si>
  <si>
    <t>志村 幸男</t>
  </si>
  <si>
    <t>王禅寺400</t>
  </si>
  <si>
    <t>十二神社</t>
  </si>
  <si>
    <t>万福寺3-2-3</t>
  </si>
  <si>
    <t>白鳥神社</t>
  </si>
  <si>
    <t>白鳥2-10-1</t>
  </si>
  <si>
    <t>汁守神社</t>
  </si>
  <si>
    <t>黒川1</t>
  </si>
  <si>
    <t>細山2-6-1</t>
  </si>
  <si>
    <t>高石神明社</t>
  </si>
  <si>
    <t>高石1-31-1</t>
  </si>
  <si>
    <t>月読神社</t>
  </si>
  <si>
    <t>上麻生7-38-4</t>
  </si>
  <si>
    <t>子ノ神社</t>
  </si>
  <si>
    <t>早野字富士山下65</t>
  </si>
  <si>
    <t>白山社</t>
  </si>
  <si>
    <t>白山4-3-1</t>
  </si>
  <si>
    <t>栗木1-10-1</t>
  </si>
  <si>
    <t>扶桑教金神教会</t>
  </si>
  <si>
    <t>吉﨑 修</t>
  </si>
  <si>
    <t>白鳥4-3-10</t>
  </si>
  <si>
    <t>王禅寺</t>
  </si>
  <si>
    <t>森 雄幸</t>
  </si>
  <si>
    <t>王禅寺940</t>
  </si>
  <si>
    <t>不動院</t>
  </si>
  <si>
    <t>森 光彦</t>
  </si>
  <si>
    <t>下麻生1-21-10</t>
  </si>
  <si>
    <t>浄慶寺</t>
  </si>
  <si>
    <t>麻生 諦善</t>
  </si>
  <si>
    <t>上麻生6-34-1</t>
  </si>
  <si>
    <t>常念寺</t>
  </si>
  <si>
    <t>古市 道仁</t>
  </si>
  <si>
    <t>栗木203</t>
  </si>
  <si>
    <t>妙延寺</t>
  </si>
  <si>
    <t>山本 浩真</t>
  </si>
  <si>
    <t>多摩美1-27-1</t>
  </si>
  <si>
    <t>香林寺</t>
  </si>
  <si>
    <t>岡本 量寿</t>
  </si>
  <si>
    <t>細山3-9-1</t>
  </si>
  <si>
    <t>潮音寺</t>
  </si>
  <si>
    <t>壁 宣昭</t>
  </si>
  <si>
    <t>高石2-21-1</t>
  </si>
  <si>
    <t>戒翁寺</t>
  </si>
  <si>
    <t>清水 和彦</t>
  </si>
  <si>
    <t>早野777</t>
  </si>
  <si>
    <t>西光寺</t>
  </si>
  <si>
    <t>山中 聡英</t>
  </si>
  <si>
    <t>黒川70</t>
  </si>
  <si>
    <t>修広寺</t>
  </si>
  <si>
    <t>菅原 敦生</t>
  </si>
  <si>
    <t>片平2-8-1</t>
  </si>
  <si>
    <t>東林寺</t>
  </si>
  <si>
    <t>菅原 節生</t>
  </si>
  <si>
    <t>上麻生6-37-6</t>
  </si>
  <si>
    <t>法雲寺</t>
  </si>
  <si>
    <t>香渡 規玄</t>
  </si>
  <si>
    <t>高石2-6-1</t>
  </si>
  <si>
    <t>林清寺</t>
  </si>
  <si>
    <t>石井 泰道</t>
  </si>
  <si>
    <t>栗木台1-15-1</t>
  </si>
  <si>
    <t>匡真寺</t>
  </si>
  <si>
    <t>山田 日耀</t>
  </si>
  <si>
    <t>高石1-6-30</t>
  </si>
  <si>
    <t>常安寺</t>
  </si>
  <si>
    <t>磯野 善秀</t>
  </si>
  <si>
    <t>上麻生7-42-1</t>
  </si>
  <si>
    <t>善正寺</t>
  </si>
  <si>
    <t>望月 昌光</t>
  </si>
  <si>
    <t>片平5-3-11</t>
  </si>
  <si>
    <t>東光院</t>
  </si>
  <si>
    <t>福井 一光</t>
  </si>
  <si>
    <t>岡上217</t>
  </si>
  <si>
    <t>日本基督教団栗平教会</t>
  </si>
  <si>
    <t>髙橋 圭子</t>
  </si>
  <si>
    <t>栗木台1-4-14</t>
  </si>
  <si>
    <t>日本基督教団まぶね教会</t>
  </si>
  <si>
    <t>林 巌雄</t>
  </si>
  <si>
    <t>下麻生2-27-30</t>
  </si>
  <si>
    <t>百合丘キリスト教会</t>
  </si>
  <si>
    <t>川井 信雄</t>
  </si>
  <si>
    <t>百合丘1-12</t>
  </si>
  <si>
    <t>主都福音キリスト教会</t>
  </si>
  <si>
    <t>小坂田 環暢</t>
  </si>
  <si>
    <t>百合丘1-18-8</t>
  </si>
  <si>
    <t>天理教生代分教会</t>
  </si>
  <si>
    <t>棚網 道代</t>
  </si>
  <si>
    <t>千代ケ丘5-7-39</t>
  </si>
  <si>
    <t>天理教大美山分教会</t>
  </si>
  <si>
    <t>五十嵐 伊功</t>
  </si>
  <si>
    <t>王禅寺東4-1-10</t>
  </si>
  <si>
    <t>天理教東王生分教会</t>
  </si>
  <si>
    <t>川合 道弘</t>
  </si>
  <si>
    <t>王禅寺東5-43-38</t>
  </si>
  <si>
    <t>天理教本羽中分教会</t>
  </si>
  <si>
    <t>酒井 悦子</t>
  </si>
  <si>
    <t>下麻生2-1-9</t>
  </si>
  <si>
    <t>○</t>
    <phoneticPr fontId="3"/>
  </si>
  <si>
    <t>キリスト教系</t>
    <phoneticPr fontId="3"/>
  </si>
  <si>
    <t>オレゴン州ポートランド市アポストリックフェイス伝道団日本本部</t>
    <phoneticPr fontId="3"/>
  </si>
  <si>
    <t>ＰＡＺキリスト宣教団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0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 shrinkToFit="1"/>
    </xf>
    <xf numFmtId="0" fontId="4" fillId="0" borderId="1" xfId="1" applyFont="1" applyBorder="1" applyAlignment="1">
      <alignment vertical="center" wrapText="1" shrinkToFit="1"/>
    </xf>
    <xf numFmtId="0" fontId="5" fillId="0" borderId="0" xfId="0" applyFont="1" applyAlignment="1">
      <alignment vertical="center" wrapText="1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333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3" customWidth="1"/>
    <col min="2" max="2" width="8.19921875" style="14" customWidth="1"/>
    <col min="3" max="3" width="18.5" style="15" customWidth="1"/>
    <col min="4" max="4" width="26.19921875" style="11" customWidth="1"/>
    <col min="5" max="5" width="12.796875" style="19" customWidth="1"/>
    <col min="6" max="6" width="7.5" style="10" customWidth="1"/>
    <col min="7" max="7" width="11.59765625" style="13" customWidth="1"/>
    <col min="8" max="8" width="14.59765625" style="15" customWidth="1"/>
    <col min="9" max="9" width="14.09765625" style="15" bestFit="1" customWidth="1"/>
    <col min="10" max="10" width="15.09765625" style="10" customWidth="1"/>
    <col min="11" max="12" width="13.09765625" style="11" customWidth="1"/>
    <col min="13" max="13" width="13.09765625" style="12" customWidth="1"/>
    <col min="14" max="16384" width="6.09765625" style="12"/>
  </cols>
  <sheetData>
    <row r="1" spans="1:12" s="4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17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3" t="s">
        <v>9</v>
      </c>
      <c r="K1" s="3" t="s">
        <v>10</v>
      </c>
      <c r="L1" s="3" t="s">
        <v>11</v>
      </c>
    </row>
    <row r="2" spans="1:12" ht="21.75" customHeight="1" x14ac:dyDescent="0.2">
      <c r="A2" s="5">
        <v>1</v>
      </c>
      <c r="B2" s="16" t="s">
        <v>12</v>
      </c>
      <c r="C2" s="6" t="s">
        <v>13</v>
      </c>
      <c r="D2" s="7" t="s">
        <v>14</v>
      </c>
      <c r="E2" s="18" t="s">
        <v>15</v>
      </c>
      <c r="F2" s="8">
        <v>0</v>
      </c>
      <c r="G2" s="5" t="s">
        <v>16</v>
      </c>
      <c r="H2" s="6" t="s">
        <v>17</v>
      </c>
      <c r="I2" s="9">
        <v>7020005007214</v>
      </c>
      <c r="K2" s="11">
        <v>0</v>
      </c>
      <c r="L2" s="11">
        <v>0</v>
      </c>
    </row>
    <row r="3" spans="1:12" ht="21.75" customHeight="1" x14ac:dyDescent="0.2">
      <c r="A3" s="5">
        <v>2</v>
      </c>
      <c r="B3" s="16" t="s">
        <v>12</v>
      </c>
      <c r="C3" s="6" t="s">
        <v>13</v>
      </c>
      <c r="D3" s="7" t="s">
        <v>14</v>
      </c>
      <c r="E3" s="18" t="s">
        <v>15</v>
      </c>
      <c r="F3" s="8">
        <v>0</v>
      </c>
      <c r="G3" s="5" t="s">
        <v>16</v>
      </c>
      <c r="H3" s="6" t="s">
        <v>18</v>
      </c>
      <c r="I3" s="9">
        <v>6020005007215</v>
      </c>
      <c r="K3" s="11">
        <v>0</v>
      </c>
      <c r="L3" s="11">
        <v>0</v>
      </c>
    </row>
    <row r="4" spans="1:12" ht="21.75" customHeight="1" x14ac:dyDescent="0.2">
      <c r="A4" s="5">
        <v>3</v>
      </c>
      <c r="B4" s="16" t="s">
        <v>12</v>
      </c>
      <c r="C4" s="6" t="s">
        <v>13</v>
      </c>
      <c r="D4" s="7" t="s">
        <v>19</v>
      </c>
      <c r="E4" s="18" t="s">
        <v>20</v>
      </c>
      <c r="F4" s="8">
        <v>0</v>
      </c>
      <c r="G4" s="5" t="s">
        <v>16</v>
      </c>
      <c r="H4" s="6" t="s">
        <v>21</v>
      </c>
      <c r="I4" s="9">
        <v>4020005007217</v>
      </c>
      <c r="K4" s="11">
        <v>0</v>
      </c>
      <c r="L4" s="11">
        <v>0</v>
      </c>
    </row>
    <row r="5" spans="1:12" ht="21.75" customHeight="1" x14ac:dyDescent="0.2">
      <c r="A5" s="5">
        <v>4</v>
      </c>
      <c r="B5" s="16" t="s">
        <v>12</v>
      </c>
      <c r="C5" s="6" t="s">
        <v>13</v>
      </c>
      <c r="D5" s="7" t="s">
        <v>22</v>
      </c>
      <c r="E5" s="18" t="s">
        <v>15</v>
      </c>
      <c r="F5" s="8">
        <v>0</v>
      </c>
      <c r="G5" s="5" t="s">
        <v>16</v>
      </c>
      <c r="H5" s="6" t="s">
        <v>23</v>
      </c>
      <c r="I5" s="9">
        <v>9020005007212</v>
      </c>
      <c r="K5" s="11">
        <v>0</v>
      </c>
      <c r="L5" s="11">
        <v>0</v>
      </c>
    </row>
    <row r="6" spans="1:12" ht="21.75" customHeight="1" x14ac:dyDescent="0.2">
      <c r="A6" s="5">
        <v>5</v>
      </c>
      <c r="B6" s="16" t="s">
        <v>12</v>
      </c>
      <c r="C6" s="6" t="s">
        <v>13</v>
      </c>
      <c r="D6" s="7" t="s">
        <v>22</v>
      </c>
      <c r="E6" s="18" t="s">
        <v>15</v>
      </c>
      <c r="F6" s="8">
        <v>0</v>
      </c>
      <c r="G6" s="5" t="s">
        <v>16</v>
      </c>
      <c r="H6" s="6" t="s">
        <v>24</v>
      </c>
      <c r="I6" s="9">
        <v>2020005007210</v>
      </c>
      <c r="K6" s="11">
        <v>0</v>
      </c>
      <c r="L6" s="11">
        <v>0</v>
      </c>
    </row>
    <row r="7" spans="1:12" ht="21.75" customHeight="1" x14ac:dyDescent="0.2">
      <c r="A7" s="5">
        <v>6</v>
      </c>
      <c r="B7" s="16" t="s">
        <v>12</v>
      </c>
      <c r="C7" s="6" t="s">
        <v>13</v>
      </c>
      <c r="D7" s="7" t="s">
        <v>25</v>
      </c>
      <c r="E7" s="18" t="s">
        <v>26</v>
      </c>
      <c r="F7" s="8">
        <v>0</v>
      </c>
      <c r="G7" s="5" t="s">
        <v>16</v>
      </c>
      <c r="H7" s="6" t="s">
        <v>27</v>
      </c>
      <c r="I7" s="9">
        <v>9020005007286</v>
      </c>
      <c r="K7" s="11">
        <v>0</v>
      </c>
      <c r="L7" s="11">
        <v>0</v>
      </c>
    </row>
    <row r="8" spans="1:12" ht="21.75" customHeight="1" x14ac:dyDescent="0.2">
      <c r="A8" s="5">
        <v>7</v>
      </c>
      <c r="B8" s="16" t="s">
        <v>12</v>
      </c>
      <c r="C8" s="6" t="s">
        <v>13</v>
      </c>
      <c r="D8" s="7" t="s">
        <v>28</v>
      </c>
      <c r="E8" s="18" t="s">
        <v>15</v>
      </c>
      <c r="F8" s="8">
        <v>0</v>
      </c>
      <c r="G8" s="5" t="s">
        <v>16</v>
      </c>
      <c r="H8" s="6" t="s">
        <v>29</v>
      </c>
      <c r="I8" s="9">
        <v>8020005007287</v>
      </c>
      <c r="K8" s="11">
        <v>0</v>
      </c>
      <c r="L8" s="11">
        <v>0</v>
      </c>
    </row>
    <row r="9" spans="1:12" ht="21.75" customHeight="1" x14ac:dyDescent="0.2">
      <c r="A9" s="5">
        <v>8</v>
      </c>
      <c r="B9" s="16" t="s">
        <v>12</v>
      </c>
      <c r="C9" s="6" t="s">
        <v>13</v>
      </c>
      <c r="D9" s="7" t="s">
        <v>28</v>
      </c>
      <c r="E9" s="18" t="s">
        <v>15</v>
      </c>
      <c r="F9" s="8">
        <v>0</v>
      </c>
      <c r="G9" s="5" t="s">
        <v>16</v>
      </c>
      <c r="H9" s="6" t="s">
        <v>30</v>
      </c>
      <c r="I9" s="9">
        <v>7020005007288</v>
      </c>
      <c r="K9" s="11">
        <v>0</v>
      </c>
      <c r="L9" s="11">
        <v>0</v>
      </c>
    </row>
    <row r="10" spans="1:12" ht="21.75" customHeight="1" x14ac:dyDescent="0.2">
      <c r="A10" s="5">
        <v>9</v>
      </c>
      <c r="B10" s="16" t="s">
        <v>12</v>
      </c>
      <c r="C10" s="6" t="s">
        <v>13</v>
      </c>
      <c r="D10" s="7" t="s">
        <v>31</v>
      </c>
      <c r="E10" s="18" t="s">
        <v>26</v>
      </c>
      <c r="F10" s="8">
        <v>0</v>
      </c>
      <c r="G10" s="5" t="s">
        <v>16</v>
      </c>
      <c r="H10" s="6" t="s">
        <v>32</v>
      </c>
      <c r="I10" s="9">
        <v>7020005007338</v>
      </c>
      <c r="K10" s="11">
        <v>0</v>
      </c>
      <c r="L10" s="11">
        <v>0</v>
      </c>
    </row>
    <row r="11" spans="1:12" ht="21.75" customHeight="1" x14ac:dyDescent="0.2">
      <c r="A11" s="5">
        <v>10</v>
      </c>
      <c r="B11" s="16" t="s">
        <v>12</v>
      </c>
      <c r="C11" s="6" t="s">
        <v>13</v>
      </c>
      <c r="D11" s="7" t="s">
        <v>33</v>
      </c>
      <c r="E11" s="18" t="s">
        <v>34</v>
      </c>
      <c r="F11" s="8">
        <v>0</v>
      </c>
      <c r="G11" s="5" t="s">
        <v>16</v>
      </c>
      <c r="H11" s="6" t="s">
        <v>35</v>
      </c>
      <c r="I11" s="9">
        <v>6020005007371</v>
      </c>
      <c r="K11" s="11">
        <v>0</v>
      </c>
      <c r="L11" s="11">
        <v>0</v>
      </c>
    </row>
    <row r="12" spans="1:12" ht="21.75" customHeight="1" x14ac:dyDescent="0.2">
      <c r="A12" s="5">
        <v>11</v>
      </c>
      <c r="B12" s="16" t="s">
        <v>12</v>
      </c>
      <c r="C12" s="6" t="s">
        <v>13</v>
      </c>
      <c r="D12" s="7" t="s">
        <v>36</v>
      </c>
      <c r="E12" s="18" t="s">
        <v>20</v>
      </c>
      <c r="F12" s="8">
        <v>0</v>
      </c>
      <c r="G12" s="5" t="s">
        <v>16</v>
      </c>
      <c r="H12" s="6" t="s">
        <v>37</v>
      </c>
      <c r="I12" s="9">
        <v>9020005007419</v>
      </c>
      <c r="K12" s="11">
        <v>0</v>
      </c>
      <c r="L12" s="11">
        <v>0</v>
      </c>
    </row>
    <row r="13" spans="1:12" ht="21.75" customHeight="1" x14ac:dyDescent="0.2">
      <c r="A13" s="5">
        <v>12</v>
      </c>
      <c r="B13" s="16" t="s">
        <v>12</v>
      </c>
      <c r="C13" s="6" t="s">
        <v>13</v>
      </c>
      <c r="D13" s="7" t="s">
        <v>38</v>
      </c>
      <c r="E13" s="18" t="s">
        <v>20</v>
      </c>
      <c r="F13" s="8">
        <v>0</v>
      </c>
      <c r="G13" s="5" t="s">
        <v>16</v>
      </c>
      <c r="H13" s="6" t="s">
        <v>39</v>
      </c>
      <c r="I13" s="9">
        <v>7020005007437</v>
      </c>
      <c r="K13" s="11">
        <v>0</v>
      </c>
      <c r="L13" s="11">
        <v>0</v>
      </c>
    </row>
    <row r="14" spans="1:12" ht="21.75" customHeight="1" x14ac:dyDescent="0.2">
      <c r="A14" s="5">
        <v>13</v>
      </c>
      <c r="B14" s="16" t="s">
        <v>12</v>
      </c>
      <c r="C14" s="6" t="s">
        <v>13</v>
      </c>
      <c r="D14" s="7" t="s">
        <v>38</v>
      </c>
      <c r="E14" s="18" t="s">
        <v>20</v>
      </c>
      <c r="F14" s="8">
        <v>0</v>
      </c>
      <c r="G14" s="5" t="s">
        <v>16</v>
      </c>
      <c r="H14" s="6" t="s">
        <v>40</v>
      </c>
      <c r="I14" s="9">
        <v>8020005007436</v>
      </c>
      <c r="K14" s="11">
        <v>0</v>
      </c>
      <c r="L14" s="11">
        <v>0</v>
      </c>
    </row>
    <row r="15" spans="1:12" ht="21.75" customHeight="1" x14ac:dyDescent="0.2">
      <c r="A15" s="5">
        <v>14</v>
      </c>
      <c r="B15" s="16" t="s">
        <v>12</v>
      </c>
      <c r="C15" s="6" t="s">
        <v>13</v>
      </c>
      <c r="D15" s="7" t="s">
        <v>41</v>
      </c>
      <c r="E15" s="18" t="s">
        <v>42</v>
      </c>
      <c r="F15" s="8">
        <v>0</v>
      </c>
      <c r="G15" s="5" t="s">
        <v>16</v>
      </c>
      <c r="H15" s="6" t="s">
        <v>43</v>
      </c>
      <c r="I15" s="9">
        <v>9020005007443</v>
      </c>
      <c r="K15" s="11">
        <v>0</v>
      </c>
      <c r="L15" s="11">
        <v>0</v>
      </c>
    </row>
    <row r="16" spans="1:12" ht="21.75" customHeight="1" x14ac:dyDescent="0.2">
      <c r="A16" s="5">
        <v>15</v>
      </c>
      <c r="B16" s="16" t="s">
        <v>12</v>
      </c>
      <c r="C16" s="6" t="s">
        <v>13</v>
      </c>
      <c r="D16" s="7" t="s">
        <v>44</v>
      </c>
      <c r="E16" s="18" t="s">
        <v>15</v>
      </c>
      <c r="F16" s="8">
        <v>0</v>
      </c>
      <c r="G16" s="5" t="s">
        <v>16</v>
      </c>
      <c r="H16" s="6" t="s">
        <v>45</v>
      </c>
      <c r="I16" s="9">
        <v>1020005007500</v>
      </c>
      <c r="K16" s="11">
        <v>0</v>
      </c>
      <c r="L16" s="11">
        <v>0</v>
      </c>
    </row>
    <row r="17" spans="1:12" ht="21.75" customHeight="1" x14ac:dyDescent="0.2">
      <c r="A17" s="5">
        <v>16</v>
      </c>
      <c r="B17" s="16" t="s">
        <v>12</v>
      </c>
      <c r="C17" s="6" t="s">
        <v>46</v>
      </c>
      <c r="D17" s="7" t="s">
        <v>47</v>
      </c>
      <c r="E17" s="18" t="s">
        <v>48</v>
      </c>
      <c r="F17" s="8">
        <v>0</v>
      </c>
      <c r="G17" s="5" t="s">
        <v>16</v>
      </c>
      <c r="H17" s="6" t="s">
        <v>49</v>
      </c>
      <c r="I17" s="9">
        <v>5020005007488</v>
      </c>
      <c r="K17" s="11">
        <v>0</v>
      </c>
      <c r="L17" s="11">
        <v>0</v>
      </c>
    </row>
    <row r="18" spans="1:12" ht="21.75" customHeight="1" x14ac:dyDescent="0.2">
      <c r="A18" s="5">
        <v>17</v>
      </c>
      <c r="B18" s="16" t="s">
        <v>50</v>
      </c>
      <c r="C18" s="6" t="s">
        <v>51</v>
      </c>
      <c r="D18" s="7" t="s">
        <v>52</v>
      </c>
      <c r="E18" s="18" t="s">
        <v>53</v>
      </c>
      <c r="F18" s="8">
        <v>0</v>
      </c>
      <c r="G18" s="5" t="s">
        <v>16</v>
      </c>
      <c r="H18" s="6" t="s">
        <v>54</v>
      </c>
      <c r="I18" s="9">
        <v>5020005007208</v>
      </c>
      <c r="K18" s="11">
        <v>0</v>
      </c>
      <c r="L18" s="11">
        <v>0</v>
      </c>
    </row>
    <row r="19" spans="1:12" ht="21.75" customHeight="1" x14ac:dyDescent="0.2">
      <c r="A19" s="5">
        <v>18</v>
      </c>
      <c r="B19" s="16" t="s">
        <v>50</v>
      </c>
      <c r="C19" s="6" t="s">
        <v>51</v>
      </c>
      <c r="D19" s="7" t="s">
        <v>55</v>
      </c>
      <c r="E19" s="18" t="s">
        <v>56</v>
      </c>
      <c r="F19" s="8">
        <v>0</v>
      </c>
      <c r="G19" s="5" t="s">
        <v>16</v>
      </c>
      <c r="H19" s="6" t="s">
        <v>57</v>
      </c>
      <c r="I19" s="9">
        <v>5020005007240</v>
      </c>
      <c r="K19" s="11">
        <v>0</v>
      </c>
      <c r="L19" s="11">
        <v>0</v>
      </c>
    </row>
    <row r="20" spans="1:12" ht="21.75" customHeight="1" x14ac:dyDescent="0.2">
      <c r="A20" s="5">
        <v>19</v>
      </c>
      <c r="B20" s="16" t="s">
        <v>50</v>
      </c>
      <c r="C20" s="6" t="s">
        <v>51</v>
      </c>
      <c r="D20" s="7" t="s">
        <v>58</v>
      </c>
      <c r="E20" s="18" t="s">
        <v>59</v>
      </c>
      <c r="F20" s="8">
        <v>0</v>
      </c>
      <c r="G20" s="5" t="s">
        <v>16</v>
      </c>
      <c r="H20" s="6" t="s">
        <v>60</v>
      </c>
      <c r="I20" s="9">
        <v>1020005007252</v>
      </c>
      <c r="K20" s="11">
        <v>0</v>
      </c>
      <c r="L20" s="11">
        <v>0</v>
      </c>
    </row>
    <row r="21" spans="1:12" ht="21.75" customHeight="1" x14ac:dyDescent="0.2">
      <c r="A21" s="5">
        <v>20</v>
      </c>
      <c r="B21" s="16" t="s">
        <v>50</v>
      </c>
      <c r="C21" s="6" t="s">
        <v>51</v>
      </c>
      <c r="D21" s="7" t="s">
        <v>61</v>
      </c>
      <c r="E21" s="18" t="s">
        <v>62</v>
      </c>
      <c r="F21" s="8">
        <v>0</v>
      </c>
      <c r="G21" s="5" t="s">
        <v>16</v>
      </c>
      <c r="H21" s="6" t="s">
        <v>63</v>
      </c>
      <c r="I21" s="9">
        <v>9020005007261</v>
      </c>
      <c r="K21" s="11">
        <v>0</v>
      </c>
      <c r="L21" s="11">
        <v>0</v>
      </c>
    </row>
    <row r="22" spans="1:12" ht="21.75" customHeight="1" x14ac:dyDescent="0.2">
      <c r="A22" s="5">
        <v>21</v>
      </c>
      <c r="B22" s="16" t="s">
        <v>50</v>
      </c>
      <c r="C22" s="6" t="s">
        <v>51</v>
      </c>
      <c r="D22" s="7" t="s">
        <v>64</v>
      </c>
      <c r="E22" s="18" t="s">
        <v>65</v>
      </c>
      <c r="F22" s="8">
        <v>0</v>
      </c>
      <c r="G22" s="5" t="s">
        <v>16</v>
      </c>
      <c r="H22" s="6" t="s">
        <v>66</v>
      </c>
      <c r="I22" s="9">
        <v>8020005007304</v>
      </c>
      <c r="K22" s="11">
        <v>0</v>
      </c>
      <c r="L22" s="11">
        <v>0</v>
      </c>
    </row>
    <row r="23" spans="1:12" ht="21.75" customHeight="1" x14ac:dyDescent="0.2">
      <c r="A23" s="5">
        <v>22</v>
      </c>
      <c r="B23" s="16" t="s">
        <v>50</v>
      </c>
      <c r="C23" s="6" t="s">
        <v>51</v>
      </c>
      <c r="D23" s="7" t="s">
        <v>67</v>
      </c>
      <c r="E23" s="18" t="s">
        <v>68</v>
      </c>
      <c r="F23" s="8">
        <v>0</v>
      </c>
      <c r="G23" s="5" t="s">
        <v>16</v>
      </c>
      <c r="H23" s="6" t="s">
        <v>69</v>
      </c>
      <c r="I23" s="9">
        <v>7020005007354</v>
      </c>
      <c r="K23" s="11">
        <v>0</v>
      </c>
      <c r="L23" s="11">
        <v>0</v>
      </c>
    </row>
    <row r="24" spans="1:12" ht="21.75" customHeight="1" x14ac:dyDescent="0.2">
      <c r="A24" s="5">
        <v>23</v>
      </c>
      <c r="B24" s="16" t="s">
        <v>50</v>
      </c>
      <c r="C24" s="6" t="s">
        <v>51</v>
      </c>
      <c r="D24" s="7" t="s">
        <v>70</v>
      </c>
      <c r="E24" s="18" t="s">
        <v>71</v>
      </c>
      <c r="F24" s="8">
        <v>0</v>
      </c>
      <c r="G24" s="5" t="s">
        <v>16</v>
      </c>
      <c r="H24" s="6" t="s">
        <v>72</v>
      </c>
      <c r="I24" s="9">
        <v>5020005007455</v>
      </c>
      <c r="K24" s="11">
        <v>0</v>
      </c>
      <c r="L24" s="11">
        <v>0</v>
      </c>
    </row>
    <row r="25" spans="1:12" ht="21.75" customHeight="1" x14ac:dyDescent="0.2">
      <c r="A25" s="5">
        <v>24</v>
      </c>
      <c r="B25" s="16" t="s">
        <v>50</v>
      </c>
      <c r="C25" s="6" t="s">
        <v>51</v>
      </c>
      <c r="D25" s="7" t="s">
        <v>73</v>
      </c>
      <c r="E25" s="18" t="s">
        <v>74</v>
      </c>
      <c r="F25" s="8">
        <v>0</v>
      </c>
      <c r="G25" s="5" t="s">
        <v>16</v>
      </c>
      <c r="H25" s="6" t="s">
        <v>75</v>
      </c>
      <c r="I25" s="9">
        <v>2020005007458</v>
      </c>
      <c r="K25" s="11">
        <v>0</v>
      </c>
      <c r="L25" s="11">
        <v>0</v>
      </c>
    </row>
    <row r="26" spans="1:12" ht="21.75" customHeight="1" x14ac:dyDescent="0.2">
      <c r="A26" s="5">
        <v>25</v>
      </c>
      <c r="B26" s="16" t="s">
        <v>50</v>
      </c>
      <c r="C26" s="6" t="s">
        <v>51</v>
      </c>
      <c r="D26" s="7" t="s">
        <v>76</v>
      </c>
      <c r="E26" s="18" t="s">
        <v>77</v>
      </c>
      <c r="F26" s="8">
        <v>0</v>
      </c>
      <c r="G26" s="5" t="s">
        <v>16</v>
      </c>
      <c r="H26" s="6" t="s">
        <v>78</v>
      </c>
      <c r="I26" s="9">
        <v>4020005007480</v>
      </c>
      <c r="K26" s="11">
        <v>0</v>
      </c>
      <c r="L26" s="11">
        <v>0</v>
      </c>
    </row>
    <row r="27" spans="1:12" ht="21.75" customHeight="1" x14ac:dyDescent="0.2">
      <c r="A27" s="5">
        <v>26</v>
      </c>
      <c r="B27" s="16" t="s">
        <v>50</v>
      </c>
      <c r="C27" s="6" t="s">
        <v>79</v>
      </c>
      <c r="D27" s="7" t="s">
        <v>80</v>
      </c>
      <c r="E27" s="18" t="s">
        <v>81</v>
      </c>
      <c r="F27" s="8" t="s">
        <v>82</v>
      </c>
      <c r="G27" s="5" t="s">
        <v>16</v>
      </c>
      <c r="H27" s="6" t="s">
        <v>83</v>
      </c>
      <c r="I27" s="9">
        <v>4020005007258</v>
      </c>
      <c r="K27" s="11">
        <v>0</v>
      </c>
      <c r="L27" s="11">
        <v>0</v>
      </c>
    </row>
    <row r="28" spans="1:12" ht="21.75" customHeight="1" x14ac:dyDescent="0.2">
      <c r="A28" s="5">
        <v>27</v>
      </c>
      <c r="B28" s="16" t="s">
        <v>50</v>
      </c>
      <c r="C28" s="6" t="s">
        <v>84</v>
      </c>
      <c r="D28" s="7" t="s">
        <v>85</v>
      </c>
      <c r="E28" s="18" t="s">
        <v>86</v>
      </c>
      <c r="F28" s="8">
        <v>0</v>
      </c>
      <c r="G28" s="5" t="s">
        <v>16</v>
      </c>
      <c r="H28" s="6" t="s">
        <v>87</v>
      </c>
      <c r="I28" s="9">
        <v>2020005007318</v>
      </c>
      <c r="K28" s="11">
        <v>0</v>
      </c>
      <c r="L28" s="11">
        <v>0</v>
      </c>
    </row>
    <row r="29" spans="1:12" ht="21.75" customHeight="1" x14ac:dyDescent="0.2">
      <c r="A29" s="5">
        <v>28</v>
      </c>
      <c r="B29" s="16" t="s">
        <v>50</v>
      </c>
      <c r="C29" s="6" t="s">
        <v>88</v>
      </c>
      <c r="D29" s="7" t="s">
        <v>89</v>
      </c>
      <c r="E29" s="18" t="s">
        <v>90</v>
      </c>
      <c r="F29" s="8">
        <v>0</v>
      </c>
      <c r="G29" s="5" t="s">
        <v>16</v>
      </c>
      <c r="H29" s="6" t="s">
        <v>91</v>
      </c>
      <c r="I29" s="9">
        <v>9020005007229</v>
      </c>
      <c r="K29" s="11">
        <v>0</v>
      </c>
      <c r="L29" s="11">
        <v>0</v>
      </c>
    </row>
    <row r="30" spans="1:12" ht="21.75" customHeight="1" x14ac:dyDescent="0.2">
      <c r="A30" s="5">
        <v>29</v>
      </c>
      <c r="B30" s="16" t="s">
        <v>50</v>
      </c>
      <c r="C30" s="6" t="s">
        <v>88</v>
      </c>
      <c r="D30" s="7" t="s">
        <v>92</v>
      </c>
      <c r="E30" s="18" t="s">
        <v>93</v>
      </c>
      <c r="F30" s="8">
        <v>0</v>
      </c>
      <c r="G30" s="5" t="s">
        <v>16</v>
      </c>
      <c r="H30" s="6" t="s">
        <v>94</v>
      </c>
      <c r="I30" s="9">
        <v>3020005007358</v>
      </c>
      <c r="K30" s="11">
        <v>0</v>
      </c>
      <c r="L30" s="11">
        <v>0</v>
      </c>
    </row>
    <row r="31" spans="1:12" ht="21.75" customHeight="1" x14ac:dyDescent="0.2">
      <c r="A31" s="5">
        <v>30</v>
      </c>
      <c r="B31" s="16" t="s">
        <v>50</v>
      </c>
      <c r="C31" s="6" t="s">
        <v>88</v>
      </c>
      <c r="D31" s="7" t="s">
        <v>95</v>
      </c>
      <c r="E31" s="18" t="s">
        <v>96</v>
      </c>
      <c r="F31" s="8">
        <v>0</v>
      </c>
      <c r="G31" s="5" t="s">
        <v>16</v>
      </c>
      <c r="H31" s="6" t="s">
        <v>97</v>
      </c>
      <c r="I31" s="9">
        <v>7020005007305</v>
      </c>
      <c r="K31" s="11">
        <v>0</v>
      </c>
      <c r="L31" s="11">
        <v>0</v>
      </c>
    </row>
    <row r="32" spans="1:12" ht="21.75" customHeight="1" x14ac:dyDescent="0.2">
      <c r="A32" s="5">
        <v>31</v>
      </c>
      <c r="B32" s="16" t="s">
        <v>50</v>
      </c>
      <c r="C32" s="6" t="s">
        <v>88</v>
      </c>
      <c r="D32" s="7" t="s">
        <v>98</v>
      </c>
      <c r="E32" s="18" t="s">
        <v>99</v>
      </c>
      <c r="F32" s="8">
        <v>0</v>
      </c>
      <c r="G32" s="5" t="s">
        <v>16</v>
      </c>
      <c r="H32" s="6" t="s">
        <v>100</v>
      </c>
      <c r="I32" s="9">
        <v>5020005007307</v>
      </c>
      <c r="K32" s="11">
        <v>0</v>
      </c>
      <c r="L32" s="11">
        <v>0</v>
      </c>
    </row>
    <row r="33" spans="1:12" ht="21.75" customHeight="1" x14ac:dyDescent="0.2">
      <c r="A33" s="5">
        <v>32</v>
      </c>
      <c r="B33" s="16" t="s">
        <v>50</v>
      </c>
      <c r="C33" s="6" t="s">
        <v>88</v>
      </c>
      <c r="D33" s="7" t="s">
        <v>101</v>
      </c>
      <c r="E33" s="18" t="s">
        <v>102</v>
      </c>
      <c r="F33" s="8">
        <v>0</v>
      </c>
      <c r="G33" s="5" t="s">
        <v>16</v>
      </c>
      <c r="H33" s="6" t="s">
        <v>103</v>
      </c>
      <c r="I33" s="9">
        <v>6020005007454</v>
      </c>
      <c r="K33" s="11">
        <v>0</v>
      </c>
      <c r="L33" s="11">
        <v>0</v>
      </c>
    </row>
    <row r="34" spans="1:12" ht="21.75" customHeight="1" x14ac:dyDescent="0.2">
      <c r="A34" s="5">
        <v>33</v>
      </c>
      <c r="B34" s="16" t="s">
        <v>50</v>
      </c>
      <c r="C34" s="6" t="s">
        <v>104</v>
      </c>
      <c r="D34" s="7" t="s">
        <v>105</v>
      </c>
      <c r="E34" s="18" t="s">
        <v>106</v>
      </c>
      <c r="F34" s="8">
        <v>0</v>
      </c>
      <c r="G34" s="5" t="s">
        <v>16</v>
      </c>
      <c r="H34" s="6" t="s">
        <v>107</v>
      </c>
      <c r="I34" s="9">
        <v>6020005007207</v>
      </c>
      <c r="K34" s="11">
        <v>0</v>
      </c>
      <c r="L34" s="11">
        <v>0</v>
      </c>
    </row>
    <row r="35" spans="1:12" ht="21.75" customHeight="1" x14ac:dyDescent="0.2">
      <c r="A35" s="5">
        <v>34</v>
      </c>
      <c r="B35" s="16" t="s">
        <v>50</v>
      </c>
      <c r="C35" s="6" t="s">
        <v>104</v>
      </c>
      <c r="D35" s="7" t="s">
        <v>108</v>
      </c>
      <c r="E35" s="18" t="s">
        <v>109</v>
      </c>
      <c r="F35" s="8">
        <v>0</v>
      </c>
      <c r="G35" s="5" t="s">
        <v>16</v>
      </c>
      <c r="H35" s="6" t="s">
        <v>110</v>
      </c>
      <c r="I35" s="9">
        <v>6020005007248</v>
      </c>
      <c r="K35" s="11">
        <v>0</v>
      </c>
      <c r="L35" s="11">
        <v>0</v>
      </c>
    </row>
    <row r="36" spans="1:12" ht="21.75" customHeight="1" x14ac:dyDescent="0.2">
      <c r="A36" s="5">
        <v>35</v>
      </c>
      <c r="B36" s="16" t="s">
        <v>50</v>
      </c>
      <c r="C36" s="6" t="s">
        <v>104</v>
      </c>
      <c r="D36" s="7" t="s">
        <v>111</v>
      </c>
      <c r="E36" s="18" t="s">
        <v>112</v>
      </c>
      <c r="F36" s="8">
        <v>0</v>
      </c>
      <c r="G36" s="5" t="s">
        <v>16</v>
      </c>
      <c r="H36" s="6" t="s">
        <v>113</v>
      </c>
      <c r="I36" s="9">
        <v>7020005007370</v>
      </c>
      <c r="K36" s="11">
        <v>0</v>
      </c>
      <c r="L36" s="11">
        <v>0</v>
      </c>
    </row>
    <row r="37" spans="1:12" ht="21.75" customHeight="1" x14ac:dyDescent="0.2">
      <c r="A37" s="5">
        <v>36</v>
      </c>
      <c r="B37" s="16" t="s">
        <v>50</v>
      </c>
      <c r="C37" s="6" t="s">
        <v>114</v>
      </c>
      <c r="D37" s="7" t="s">
        <v>115</v>
      </c>
      <c r="E37" s="18" t="s">
        <v>116</v>
      </c>
      <c r="F37" s="8">
        <v>0</v>
      </c>
      <c r="G37" s="5" t="s">
        <v>16</v>
      </c>
      <c r="H37" s="6" t="s">
        <v>117</v>
      </c>
      <c r="I37" s="9">
        <v>1020005007228</v>
      </c>
      <c r="K37" s="11">
        <v>0</v>
      </c>
      <c r="L37" s="11">
        <v>0</v>
      </c>
    </row>
    <row r="38" spans="1:12" ht="21.75" customHeight="1" x14ac:dyDescent="0.2">
      <c r="A38" s="5">
        <v>37</v>
      </c>
      <c r="B38" s="16" t="s">
        <v>50</v>
      </c>
      <c r="C38" s="6" t="s">
        <v>114</v>
      </c>
      <c r="D38" s="7" t="s">
        <v>118</v>
      </c>
      <c r="E38" s="18" t="s">
        <v>119</v>
      </c>
      <c r="F38" s="8">
        <v>0</v>
      </c>
      <c r="G38" s="5" t="s">
        <v>16</v>
      </c>
      <c r="H38" s="6" t="s">
        <v>120</v>
      </c>
      <c r="I38" s="9">
        <v>6020005007264</v>
      </c>
      <c r="K38" s="11">
        <v>0</v>
      </c>
      <c r="L38" s="11">
        <v>0</v>
      </c>
    </row>
    <row r="39" spans="1:12" ht="21.75" customHeight="1" x14ac:dyDescent="0.2">
      <c r="A39" s="5">
        <v>38</v>
      </c>
      <c r="B39" s="16" t="s">
        <v>50</v>
      </c>
      <c r="C39" s="6" t="s">
        <v>114</v>
      </c>
      <c r="D39" s="7" t="s">
        <v>121</v>
      </c>
      <c r="E39" s="18" t="s">
        <v>122</v>
      </c>
      <c r="F39" s="8">
        <v>0</v>
      </c>
      <c r="G39" s="5" t="s">
        <v>16</v>
      </c>
      <c r="H39" s="6" t="s">
        <v>123</v>
      </c>
      <c r="I39" s="9">
        <v>6020005007462</v>
      </c>
      <c r="K39" s="11">
        <v>0</v>
      </c>
      <c r="L39" s="11">
        <v>0</v>
      </c>
    </row>
    <row r="40" spans="1:12" ht="21.75" customHeight="1" x14ac:dyDescent="0.2">
      <c r="A40" s="5">
        <v>39</v>
      </c>
      <c r="B40" s="16" t="s">
        <v>50</v>
      </c>
      <c r="C40" s="6" t="s">
        <v>124</v>
      </c>
      <c r="D40" s="7" t="s">
        <v>125</v>
      </c>
      <c r="E40" s="18" t="s">
        <v>126</v>
      </c>
      <c r="F40" s="8">
        <v>0</v>
      </c>
      <c r="G40" s="5" t="s">
        <v>16</v>
      </c>
      <c r="H40" s="6" t="s">
        <v>127</v>
      </c>
      <c r="I40" s="9">
        <v>5020005007397</v>
      </c>
      <c r="K40" s="11">
        <v>0</v>
      </c>
      <c r="L40" s="11">
        <v>0</v>
      </c>
    </row>
    <row r="41" spans="1:12" ht="21.75" customHeight="1" x14ac:dyDescent="0.2">
      <c r="A41" s="5">
        <v>40</v>
      </c>
      <c r="B41" s="16" t="s">
        <v>50</v>
      </c>
      <c r="C41" s="6" t="s">
        <v>128</v>
      </c>
      <c r="D41" s="7" t="s">
        <v>129</v>
      </c>
      <c r="E41" s="18" t="s">
        <v>130</v>
      </c>
      <c r="F41" s="8">
        <v>0</v>
      </c>
      <c r="G41" s="5" t="s">
        <v>16</v>
      </c>
      <c r="H41" s="6" t="s">
        <v>131</v>
      </c>
      <c r="I41" s="9">
        <v>8020005007238</v>
      </c>
      <c r="K41" s="11">
        <v>0</v>
      </c>
      <c r="L41" s="11">
        <v>0</v>
      </c>
    </row>
    <row r="42" spans="1:12" ht="21.75" customHeight="1" x14ac:dyDescent="0.2">
      <c r="A42" s="5">
        <v>41</v>
      </c>
      <c r="B42" s="16" t="s">
        <v>50</v>
      </c>
      <c r="C42" s="6" t="s">
        <v>128</v>
      </c>
      <c r="D42" s="7" t="s">
        <v>132</v>
      </c>
      <c r="E42" s="18" t="s">
        <v>133</v>
      </c>
      <c r="F42" s="8">
        <v>0</v>
      </c>
      <c r="G42" s="5" t="s">
        <v>16</v>
      </c>
      <c r="H42" s="6" t="s">
        <v>134</v>
      </c>
      <c r="I42" s="9">
        <v>1020005007368</v>
      </c>
      <c r="K42" s="11">
        <v>0</v>
      </c>
      <c r="L42" s="11">
        <v>0</v>
      </c>
    </row>
    <row r="43" spans="1:12" ht="21.75" customHeight="1" x14ac:dyDescent="0.2">
      <c r="A43" s="5">
        <v>42</v>
      </c>
      <c r="B43" s="16" t="s">
        <v>50</v>
      </c>
      <c r="C43" s="6" t="s">
        <v>135</v>
      </c>
      <c r="D43" s="7" t="s">
        <v>136</v>
      </c>
      <c r="E43" s="18" t="s">
        <v>137</v>
      </c>
      <c r="F43" s="8">
        <v>0</v>
      </c>
      <c r="G43" s="5" t="s">
        <v>16</v>
      </c>
      <c r="H43" s="6" t="s">
        <v>138</v>
      </c>
      <c r="I43" s="9">
        <v>3020005007408</v>
      </c>
      <c r="K43" s="11">
        <v>0</v>
      </c>
      <c r="L43" s="11">
        <v>0</v>
      </c>
    </row>
    <row r="44" spans="1:12" ht="21.75" customHeight="1" x14ac:dyDescent="0.2">
      <c r="A44" s="5">
        <v>43</v>
      </c>
      <c r="B44" s="16" t="s">
        <v>50</v>
      </c>
      <c r="C44" s="6" t="s">
        <v>135</v>
      </c>
      <c r="D44" s="7" t="s">
        <v>139</v>
      </c>
      <c r="E44" s="18" t="s">
        <v>140</v>
      </c>
      <c r="F44" s="8">
        <v>0</v>
      </c>
      <c r="G44" s="5" t="s">
        <v>16</v>
      </c>
      <c r="H44" s="6" t="s">
        <v>141</v>
      </c>
      <c r="I44" s="9">
        <v>8020005007469</v>
      </c>
      <c r="K44" s="11">
        <v>0</v>
      </c>
      <c r="L44" s="11">
        <v>0</v>
      </c>
    </row>
    <row r="45" spans="1:12" ht="21.75" customHeight="1" x14ac:dyDescent="0.2">
      <c r="A45" s="5">
        <v>44</v>
      </c>
      <c r="B45" s="16" t="s">
        <v>50</v>
      </c>
      <c r="C45" s="6" t="s">
        <v>142</v>
      </c>
      <c r="D45" s="7" t="s">
        <v>143</v>
      </c>
      <c r="E45" s="18" t="s">
        <v>144</v>
      </c>
      <c r="F45" s="8" t="s">
        <v>82</v>
      </c>
      <c r="G45" s="5" t="s">
        <v>16</v>
      </c>
      <c r="H45" s="6" t="s">
        <v>145</v>
      </c>
      <c r="I45" s="9">
        <v>7020005007346</v>
      </c>
      <c r="K45" s="11">
        <v>0</v>
      </c>
      <c r="L45" s="11">
        <v>0</v>
      </c>
    </row>
    <row r="46" spans="1:12" ht="21.75" customHeight="1" x14ac:dyDescent="0.2">
      <c r="A46" s="5">
        <v>45</v>
      </c>
      <c r="B46" s="16" t="s">
        <v>50</v>
      </c>
      <c r="C46" s="6" t="s">
        <v>146</v>
      </c>
      <c r="D46" s="7" t="s">
        <v>147</v>
      </c>
      <c r="E46" s="18" t="s">
        <v>148</v>
      </c>
      <c r="F46" s="8">
        <v>0</v>
      </c>
      <c r="G46" s="5" t="s">
        <v>16</v>
      </c>
      <c r="H46" s="6" t="s">
        <v>149</v>
      </c>
      <c r="I46" s="9">
        <v>8020005007205</v>
      </c>
      <c r="K46" s="11">
        <v>0</v>
      </c>
      <c r="L46" s="11">
        <v>0</v>
      </c>
    </row>
    <row r="47" spans="1:12" ht="21.75" customHeight="1" x14ac:dyDescent="0.2">
      <c r="A47" s="5">
        <v>46</v>
      </c>
      <c r="B47" s="16" t="s">
        <v>949</v>
      </c>
      <c r="C47" s="6" t="s">
        <v>150</v>
      </c>
      <c r="D47" s="7" t="s">
        <v>151</v>
      </c>
      <c r="E47" s="18" t="s">
        <v>152</v>
      </c>
      <c r="F47" s="8">
        <v>0</v>
      </c>
      <c r="G47" s="5" t="s">
        <v>16</v>
      </c>
      <c r="H47" s="6" t="s">
        <v>153</v>
      </c>
      <c r="I47" s="9">
        <v>6020005007413</v>
      </c>
      <c r="K47" s="11">
        <v>0</v>
      </c>
      <c r="L47" s="11">
        <v>0</v>
      </c>
    </row>
    <row r="48" spans="1:12" ht="21.75" customHeight="1" x14ac:dyDescent="0.2">
      <c r="A48" s="5">
        <v>47</v>
      </c>
      <c r="B48" s="16" t="s">
        <v>949</v>
      </c>
      <c r="C48" s="6" t="s">
        <v>150</v>
      </c>
      <c r="D48" s="7" t="s">
        <v>154</v>
      </c>
      <c r="E48" s="18" t="s">
        <v>155</v>
      </c>
      <c r="F48" s="8">
        <v>0</v>
      </c>
      <c r="G48" s="5" t="s">
        <v>16</v>
      </c>
      <c r="H48" s="6" t="s">
        <v>156</v>
      </c>
      <c r="I48" s="9">
        <v>8020005007411</v>
      </c>
      <c r="K48" s="11">
        <v>0</v>
      </c>
      <c r="L48" s="11">
        <v>0</v>
      </c>
    </row>
    <row r="49" spans="1:12" ht="21.75" customHeight="1" x14ac:dyDescent="0.2">
      <c r="A49" s="5">
        <v>48</v>
      </c>
      <c r="B49" s="16" t="s">
        <v>949</v>
      </c>
      <c r="C49" s="6" t="s">
        <v>150</v>
      </c>
      <c r="D49" s="7" t="s">
        <v>157</v>
      </c>
      <c r="E49" s="18" t="s">
        <v>158</v>
      </c>
      <c r="F49" s="8">
        <v>0</v>
      </c>
      <c r="G49" s="5" t="s">
        <v>16</v>
      </c>
      <c r="H49" s="6" t="s">
        <v>159</v>
      </c>
      <c r="I49" s="9">
        <v>3020005007416</v>
      </c>
      <c r="K49" s="11">
        <v>0</v>
      </c>
      <c r="L49" s="11">
        <v>0</v>
      </c>
    </row>
    <row r="50" spans="1:12" ht="21.75" customHeight="1" x14ac:dyDescent="0.2">
      <c r="A50" s="5">
        <v>49</v>
      </c>
      <c r="B50" s="16" t="s">
        <v>949</v>
      </c>
      <c r="C50" s="6" t="s">
        <v>160</v>
      </c>
      <c r="D50" s="7" t="s">
        <v>161</v>
      </c>
      <c r="E50" s="18" t="s">
        <v>162</v>
      </c>
      <c r="F50" s="8">
        <v>0</v>
      </c>
      <c r="G50" s="5" t="s">
        <v>16</v>
      </c>
      <c r="H50" s="6" t="s">
        <v>163</v>
      </c>
      <c r="I50" s="9">
        <v>3020005007275</v>
      </c>
      <c r="K50" s="11">
        <v>0</v>
      </c>
      <c r="L50" s="11">
        <v>0</v>
      </c>
    </row>
    <row r="51" spans="1:12" ht="21.75" customHeight="1" x14ac:dyDescent="0.2">
      <c r="A51" s="5">
        <v>50</v>
      </c>
      <c r="B51" s="16" t="s">
        <v>949</v>
      </c>
      <c r="C51" s="6" t="s">
        <v>164</v>
      </c>
      <c r="D51" s="7" t="s">
        <v>165</v>
      </c>
      <c r="E51" s="18" t="s">
        <v>166</v>
      </c>
      <c r="F51" s="8">
        <v>0</v>
      </c>
      <c r="G51" s="5" t="s">
        <v>16</v>
      </c>
      <c r="H51" s="6" t="s">
        <v>167</v>
      </c>
      <c r="I51" s="9">
        <v>7020005007412</v>
      </c>
      <c r="K51" s="11">
        <v>0</v>
      </c>
      <c r="L51" s="11">
        <v>0</v>
      </c>
    </row>
    <row r="52" spans="1:12" ht="21.75" customHeight="1" x14ac:dyDescent="0.2">
      <c r="A52" s="5">
        <v>51</v>
      </c>
      <c r="B52" s="16" t="s">
        <v>949</v>
      </c>
      <c r="C52" s="6" t="s">
        <v>168</v>
      </c>
      <c r="D52" s="7" t="s">
        <v>950</v>
      </c>
      <c r="E52" s="18" t="s">
        <v>169</v>
      </c>
      <c r="F52" s="8">
        <v>0</v>
      </c>
      <c r="G52" s="5" t="s">
        <v>16</v>
      </c>
      <c r="H52" s="6" t="s">
        <v>170</v>
      </c>
      <c r="I52" s="9">
        <v>2020005007235</v>
      </c>
      <c r="K52" s="11">
        <v>0</v>
      </c>
      <c r="L52" s="11">
        <v>0</v>
      </c>
    </row>
    <row r="53" spans="1:12" ht="21.75" customHeight="1" x14ac:dyDescent="0.2">
      <c r="A53" s="5">
        <v>52</v>
      </c>
      <c r="B53" s="16" t="s">
        <v>949</v>
      </c>
      <c r="C53" s="6" t="s">
        <v>168</v>
      </c>
      <c r="D53" s="7" t="s">
        <v>171</v>
      </c>
      <c r="E53" s="18" t="s">
        <v>172</v>
      </c>
      <c r="F53" s="8">
        <v>0</v>
      </c>
      <c r="G53" s="5" t="s">
        <v>16</v>
      </c>
      <c r="H53" s="6" t="s">
        <v>173</v>
      </c>
      <c r="I53" s="9">
        <v>2020005007417</v>
      </c>
      <c r="K53" s="11">
        <v>0</v>
      </c>
      <c r="L53" s="11">
        <v>0</v>
      </c>
    </row>
    <row r="54" spans="1:12" ht="21.75" customHeight="1" x14ac:dyDescent="0.2">
      <c r="A54" s="5">
        <v>53</v>
      </c>
      <c r="B54" s="16" t="s">
        <v>174</v>
      </c>
      <c r="C54" s="6" t="s">
        <v>175</v>
      </c>
      <c r="D54" s="7" t="s">
        <v>176</v>
      </c>
      <c r="E54" s="18" t="s">
        <v>177</v>
      </c>
      <c r="F54" s="8">
        <v>0</v>
      </c>
      <c r="G54" s="5" t="s">
        <v>16</v>
      </c>
      <c r="H54" s="6" t="s">
        <v>178</v>
      </c>
      <c r="I54" s="9">
        <v>1020005007186</v>
      </c>
      <c r="K54" s="11">
        <v>0</v>
      </c>
      <c r="L54" s="11">
        <v>0</v>
      </c>
    </row>
    <row r="55" spans="1:12" ht="21.75" customHeight="1" x14ac:dyDescent="0.2">
      <c r="A55" s="5">
        <v>54</v>
      </c>
      <c r="B55" s="16" t="s">
        <v>174</v>
      </c>
      <c r="C55" s="6" t="s">
        <v>175</v>
      </c>
      <c r="D55" s="7" t="s">
        <v>179</v>
      </c>
      <c r="E55" s="18" t="s">
        <v>180</v>
      </c>
      <c r="F55" s="8">
        <v>0</v>
      </c>
      <c r="G55" s="5" t="s">
        <v>16</v>
      </c>
      <c r="H55" s="6" t="s">
        <v>181</v>
      </c>
      <c r="I55" s="9">
        <v>5020005007174</v>
      </c>
      <c r="K55" s="11">
        <v>0</v>
      </c>
      <c r="L55" s="11">
        <v>0</v>
      </c>
    </row>
    <row r="56" spans="1:12" ht="21.75" customHeight="1" x14ac:dyDescent="0.2">
      <c r="A56" s="5">
        <v>55</v>
      </c>
      <c r="B56" s="16" t="s">
        <v>174</v>
      </c>
      <c r="C56" s="6" t="s">
        <v>175</v>
      </c>
      <c r="D56" s="7" t="s">
        <v>182</v>
      </c>
      <c r="E56" s="18" t="s">
        <v>183</v>
      </c>
      <c r="F56" s="8">
        <v>0</v>
      </c>
      <c r="G56" s="5" t="s">
        <v>16</v>
      </c>
      <c r="H56" s="6" t="s">
        <v>184</v>
      </c>
      <c r="I56" s="9">
        <v>1020005007178</v>
      </c>
      <c r="K56" s="11">
        <v>0</v>
      </c>
      <c r="L56" s="11">
        <v>0</v>
      </c>
    </row>
    <row r="57" spans="1:12" ht="21.75" customHeight="1" x14ac:dyDescent="0.2">
      <c r="A57" s="5">
        <v>56</v>
      </c>
      <c r="B57" s="16" t="s">
        <v>174</v>
      </c>
      <c r="C57" s="6" t="s">
        <v>175</v>
      </c>
      <c r="D57" s="7" t="s">
        <v>185</v>
      </c>
      <c r="E57" s="18" t="s">
        <v>186</v>
      </c>
      <c r="F57" s="8">
        <v>0</v>
      </c>
      <c r="G57" s="5" t="s">
        <v>16</v>
      </c>
      <c r="H57" s="6" t="s">
        <v>187</v>
      </c>
      <c r="I57" s="9">
        <v>8020005007188</v>
      </c>
      <c r="K57" s="11">
        <v>0</v>
      </c>
      <c r="L57" s="11">
        <v>0</v>
      </c>
    </row>
    <row r="58" spans="1:12" ht="21.75" customHeight="1" x14ac:dyDescent="0.2">
      <c r="A58" s="5">
        <v>57</v>
      </c>
      <c r="B58" s="16" t="s">
        <v>174</v>
      </c>
      <c r="C58" s="6" t="s">
        <v>175</v>
      </c>
      <c r="D58" s="7" t="s">
        <v>188</v>
      </c>
      <c r="E58" s="18" t="s">
        <v>189</v>
      </c>
      <c r="F58" s="8">
        <v>0</v>
      </c>
      <c r="G58" s="5" t="s">
        <v>16</v>
      </c>
      <c r="H58" s="6" t="s">
        <v>190</v>
      </c>
      <c r="I58" s="9">
        <v>3020005007176</v>
      </c>
      <c r="K58" s="11">
        <v>0</v>
      </c>
      <c r="L58" s="11">
        <v>0</v>
      </c>
    </row>
    <row r="59" spans="1:12" ht="21.75" customHeight="1" x14ac:dyDescent="0.2">
      <c r="A59" s="5">
        <v>58</v>
      </c>
      <c r="B59" s="16" t="s">
        <v>174</v>
      </c>
      <c r="C59" s="6" t="s">
        <v>175</v>
      </c>
      <c r="D59" s="7" t="s">
        <v>191</v>
      </c>
      <c r="E59" s="18" t="s">
        <v>192</v>
      </c>
      <c r="F59" s="8">
        <v>0</v>
      </c>
      <c r="G59" s="5" t="s">
        <v>16</v>
      </c>
      <c r="H59" s="6" t="s">
        <v>193</v>
      </c>
      <c r="I59" s="9">
        <v>9020005007179</v>
      </c>
      <c r="K59" s="11">
        <v>0</v>
      </c>
      <c r="L59" s="11">
        <v>0</v>
      </c>
    </row>
    <row r="60" spans="1:12" ht="21.75" customHeight="1" x14ac:dyDescent="0.2">
      <c r="A60" s="5">
        <v>59</v>
      </c>
      <c r="B60" s="16" t="s">
        <v>174</v>
      </c>
      <c r="C60" s="6" t="s">
        <v>175</v>
      </c>
      <c r="D60" s="7" t="s">
        <v>194</v>
      </c>
      <c r="E60" s="18" t="s">
        <v>195</v>
      </c>
      <c r="F60" s="8">
        <v>0</v>
      </c>
      <c r="G60" s="5" t="s">
        <v>16</v>
      </c>
      <c r="H60" s="6" t="s">
        <v>196</v>
      </c>
      <c r="I60" s="9">
        <v>5020005007190</v>
      </c>
      <c r="K60" s="11">
        <v>0</v>
      </c>
      <c r="L60" s="11">
        <v>0</v>
      </c>
    </row>
    <row r="61" spans="1:12" ht="21.75" customHeight="1" x14ac:dyDescent="0.2">
      <c r="A61" s="5">
        <v>60</v>
      </c>
      <c r="B61" s="16" t="s">
        <v>174</v>
      </c>
      <c r="C61" s="6" t="s">
        <v>175</v>
      </c>
      <c r="D61" s="7" t="s">
        <v>197</v>
      </c>
      <c r="E61" s="18" t="s">
        <v>198</v>
      </c>
      <c r="F61" s="8">
        <v>0</v>
      </c>
      <c r="G61" s="5" t="s">
        <v>16</v>
      </c>
      <c r="H61" s="6" t="s">
        <v>199</v>
      </c>
      <c r="I61" s="9">
        <v>2020005007177</v>
      </c>
      <c r="K61" s="11">
        <v>0</v>
      </c>
      <c r="L61" s="11">
        <v>0</v>
      </c>
    </row>
    <row r="62" spans="1:12" ht="21.75" customHeight="1" x14ac:dyDescent="0.2">
      <c r="A62" s="5">
        <v>61</v>
      </c>
      <c r="B62" s="16" t="s">
        <v>174</v>
      </c>
      <c r="C62" s="6" t="s">
        <v>175</v>
      </c>
      <c r="D62" s="7" t="s">
        <v>200</v>
      </c>
      <c r="E62" s="18" t="s">
        <v>201</v>
      </c>
      <c r="F62" s="8">
        <v>0</v>
      </c>
      <c r="G62" s="5" t="s">
        <v>16</v>
      </c>
      <c r="H62" s="6" t="s">
        <v>202</v>
      </c>
      <c r="I62" s="9">
        <v>4020005007175</v>
      </c>
      <c r="K62" s="11">
        <v>0</v>
      </c>
      <c r="L62" s="11">
        <v>0</v>
      </c>
    </row>
    <row r="63" spans="1:12" ht="21.75" customHeight="1" x14ac:dyDescent="0.2">
      <c r="A63" s="5">
        <v>62</v>
      </c>
      <c r="B63" s="16" t="s">
        <v>174</v>
      </c>
      <c r="C63" s="6" t="s">
        <v>175</v>
      </c>
      <c r="D63" s="7" t="s">
        <v>203</v>
      </c>
      <c r="E63" s="18" t="s">
        <v>204</v>
      </c>
      <c r="F63" s="8">
        <v>0</v>
      </c>
      <c r="G63" s="5" t="s">
        <v>16</v>
      </c>
      <c r="H63" s="6" t="s">
        <v>205</v>
      </c>
      <c r="I63" s="9">
        <v>8020005007171</v>
      </c>
      <c r="K63" s="11">
        <v>0</v>
      </c>
      <c r="L63" s="11">
        <v>0</v>
      </c>
    </row>
    <row r="64" spans="1:12" ht="21.75" customHeight="1" x14ac:dyDescent="0.2">
      <c r="A64" s="5">
        <v>63</v>
      </c>
      <c r="B64" s="16" t="s">
        <v>12</v>
      </c>
      <c r="C64" s="6" t="s">
        <v>13</v>
      </c>
      <c r="D64" s="7" t="s">
        <v>206</v>
      </c>
      <c r="E64" s="18" t="s">
        <v>207</v>
      </c>
      <c r="F64" s="8">
        <v>0</v>
      </c>
      <c r="G64" s="5" t="s">
        <v>208</v>
      </c>
      <c r="H64" s="6" t="s">
        <v>209</v>
      </c>
      <c r="I64" s="9">
        <v>3020005007234</v>
      </c>
      <c r="K64" s="11">
        <v>0</v>
      </c>
      <c r="L64" s="11">
        <v>0</v>
      </c>
    </row>
    <row r="65" spans="1:12" ht="21.75" customHeight="1" x14ac:dyDescent="0.2">
      <c r="A65" s="5">
        <v>64</v>
      </c>
      <c r="B65" s="16" t="s">
        <v>12</v>
      </c>
      <c r="C65" s="6" t="s">
        <v>13</v>
      </c>
      <c r="D65" s="7" t="s">
        <v>210</v>
      </c>
      <c r="E65" s="18" t="s">
        <v>211</v>
      </c>
      <c r="F65" s="8">
        <v>0</v>
      </c>
      <c r="G65" s="5" t="s">
        <v>208</v>
      </c>
      <c r="H65" s="6" t="s">
        <v>212</v>
      </c>
      <c r="I65" s="9">
        <v>3020005007242</v>
      </c>
      <c r="K65" s="11">
        <v>0</v>
      </c>
      <c r="L65" s="11">
        <v>0</v>
      </c>
    </row>
    <row r="66" spans="1:12" ht="21.75" customHeight="1" x14ac:dyDescent="0.2">
      <c r="A66" s="5">
        <v>65</v>
      </c>
      <c r="B66" s="16" t="s">
        <v>12</v>
      </c>
      <c r="C66" s="6" t="s">
        <v>13</v>
      </c>
      <c r="D66" s="7" t="s">
        <v>213</v>
      </c>
      <c r="E66" s="18" t="s">
        <v>214</v>
      </c>
      <c r="F66" s="8">
        <v>0</v>
      </c>
      <c r="G66" s="5" t="s">
        <v>208</v>
      </c>
      <c r="H66" s="6" t="s">
        <v>215</v>
      </c>
      <c r="I66" s="9">
        <v>8020005007254</v>
      </c>
      <c r="K66" s="11">
        <v>0</v>
      </c>
      <c r="L66" s="11">
        <v>0</v>
      </c>
    </row>
    <row r="67" spans="1:12" ht="21.75" customHeight="1" x14ac:dyDescent="0.2">
      <c r="A67" s="5">
        <v>66</v>
      </c>
      <c r="B67" s="16" t="s">
        <v>12</v>
      </c>
      <c r="C67" s="6" t="s">
        <v>13</v>
      </c>
      <c r="D67" s="7" t="s">
        <v>216</v>
      </c>
      <c r="E67" s="18" t="s">
        <v>207</v>
      </c>
      <c r="F67" s="8">
        <v>0</v>
      </c>
      <c r="G67" s="5" t="s">
        <v>208</v>
      </c>
      <c r="H67" s="6" t="s">
        <v>217</v>
      </c>
      <c r="I67" s="9">
        <v>8020005007329</v>
      </c>
      <c r="K67" s="11">
        <v>0</v>
      </c>
      <c r="L67" s="11">
        <v>0</v>
      </c>
    </row>
    <row r="68" spans="1:12" ht="21.75" customHeight="1" x14ac:dyDescent="0.2">
      <c r="A68" s="5">
        <v>67</v>
      </c>
      <c r="B68" s="16" t="s">
        <v>12</v>
      </c>
      <c r="C68" s="6" t="s">
        <v>13</v>
      </c>
      <c r="D68" s="7" t="s">
        <v>218</v>
      </c>
      <c r="E68" s="18" t="s">
        <v>219</v>
      </c>
      <c r="F68" s="8">
        <v>0</v>
      </c>
      <c r="G68" s="5" t="s">
        <v>208</v>
      </c>
      <c r="H68" s="6" t="s">
        <v>220</v>
      </c>
      <c r="I68" s="9">
        <v>7020005007296</v>
      </c>
      <c r="K68" s="11">
        <v>0</v>
      </c>
      <c r="L68" s="11">
        <v>0</v>
      </c>
    </row>
    <row r="69" spans="1:12" ht="21.75" customHeight="1" x14ac:dyDescent="0.2">
      <c r="A69" s="5">
        <v>68</v>
      </c>
      <c r="B69" s="16" t="s">
        <v>12</v>
      </c>
      <c r="C69" s="6" t="s">
        <v>13</v>
      </c>
      <c r="D69" s="7" t="s">
        <v>218</v>
      </c>
      <c r="E69" s="18" t="s">
        <v>219</v>
      </c>
      <c r="F69" s="8">
        <v>0</v>
      </c>
      <c r="G69" s="5" t="s">
        <v>208</v>
      </c>
      <c r="H69" s="6" t="s">
        <v>221</v>
      </c>
      <c r="I69" s="9">
        <v>9020005007328</v>
      </c>
      <c r="K69" s="11">
        <v>0</v>
      </c>
      <c r="L69" s="11">
        <v>0</v>
      </c>
    </row>
    <row r="70" spans="1:12" ht="21.75" customHeight="1" x14ac:dyDescent="0.2">
      <c r="A70" s="5">
        <v>69</v>
      </c>
      <c r="B70" s="16" t="s">
        <v>12</v>
      </c>
      <c r="C70" s="6" t="s">
        <v>13</v>
      </c>
      <c r="D70" s="7" t="s">
        <v>222</v>
      </c>
      <c r="E70" s="18" t="s">
        <v>207</v>
      </c>
      <c r="F70" s="8">
        <v>0</v>
      </c>
      <c r="G70" s="5" t="s">
        <v>208</v>
      </c>
      <c r="H70" s="6" t="s">
        <v>223</v>
      </c>
      <c r="I70" s="9">
        <v>1020005007343</v>
      </c>
      <c r="K70" s="11">
        <v>0</v>
      </c>
      <c r="L70" s="11">
        <v>0</v>
      </c>
    </row>
    <row r="71" spans="1:12" ht="21.75" customHeight="1" x14ac:dyDescent="0.2">
      <c r="A71" s="5">
        <v>70</v>
      </c>
      <c r="B71" s="16" t="s">
        <v>12</v>
      </c>
      <c r="C71" s="6" t="s">
        <v>13</v>
      </c>
      <c r="D71" s="7" t="s">
        <v>224</v>
      </c>
      <c r="E71" s="18" t="s">
        <v>207</v>
      </c>
      <c r="F71" s="8">
        <v>0</v>
      </c>
      <c r="G71" s="5" t="s">
        <v>208</v>
      </c>
      <c r="H71" s="6" t="s">
        <v>225</v>
      </c>
      <c r="I71" s="9">
        <v>5020005007389</v>
      </c>
      <c r="K71" s="11">
        <v>0</v>
      </c>
      <c r="L71" s="11">
        <v>0</v>
      </c>
    </row>
    <row r="72" spans="1:12" ht="21.75" customHeight="1" x14ac:dyDescent="0.2">
      <c r="A72" s="5">
        <v>71</v>
      </c>
      <c r="B72" s="16" t="s">
        <v>12</v>
      </c>
      <c r="C72" s="6" t="s">
        <v>13</v>
      </c>
      <c r="D72" s="7" t="s">
        <v>226</v>
      </c>
      <c r="E72" s="18" t="s">
        <v>211</v>
      </c>
      <c r="F72" s="8">
        <v>0</v>
      </c>
      <c r="G72" s="5" t="s">
        <v>208</v>
      </c>
      <c r="H72" s="6" t="s">
        <v>227</v>
      </c>
      <c r="I72" s="9">
        <v>9020005007393</v>
      </c>
      <c r="K72" s="11">
        <v>0</v>
      </c>
      <c r="L72" s="11">
        <v>0</v>
      </c>
    </row>
    <row r="73" spans="1:12" ht="21.75" customHeight="1" x14ac:dyDescent="0.2">
      <c r="A73" s="5">
        <v>72</v>
      </c>
      <c r="B73" s="16" t="s">
        <v>12</v>
      </c>
      <c r="C73" s="6" t="s">
        <v>13</v>
      </c>
      <c r="D73" s="7" t="s">
        <v>226</v>
      </c>
      <c r="E73" s="18" t="s">
        <v>211</v>
      </c>
      <c r="F73" s="8">
        <v>0</v>
      </c>
      <c r="G73" s="5" t="s">
        <v>208</v>
      </c>
      <c r="H73" s="6" t="s">
        <v>228</v>
      </c>
      <c r="I73" s="9">
        <v>8020005007394</v>
      </c>
      <c r="K73" s="11">
        <v>0</v>
      </c>
      <c r="L73" s="11">
        <v>0</v>
      </c>
    </row>
    <row r="74" spans="1:12" ht="21.75" customHeight="1" x14ac:dyDescent="0.2">
      <c r="A74" s="5">
        <v>73</v>
      </c>
      <c r="B74" s="16" t="s">
        <v>12</v>
      </c>
      <c r="C74" s="6" t="s">
        <v>13</v>
      </c>
      <c r="D74" s="7" t="s">
        <v>229</v>
      </c>
      <c r="E74" s="18" t="s">
        <v>219</v>
      </c>
      <c r="F74" s="8">
        <v>0</v>
      </c>
      <c r="G74" s="5" t="s">
        <v>208</v>
      </c>
      <c r="H74" s="6" t="s">
        <v>230</v>
      </c>
      <c r="I74" s="9">
        <v>1020005007302</v>
      </c>
      <c r="K74" s="11">
        <v>0</v>
      </c>
      <c r="L74" s="11">
        <v>0</v>
      </c>
    </row>
    <row r="75" spans="1:12" ht="21.75" customHeight="1" x14ac:dyDescent="0.2">
      <c r="A75" s="5">
        <v>74</v>
      </c>
      <c r="B75" s="16" t="s">
        <v>12</v>
      </c>
      <c r="C75" s="6" t="s">
        <v>13</v>
      </c>
      <c r="D75" s="7" t="s">
        <v>231</v>
      </c>
      <c r="E75" s="18" t="s">
        <v>219</v>
      </c>
      <c r="F75" s="8">
        <v>0</v>
      </c>
      <c r="G75" s="5" t="s">
        <v>208</v>
      </c>
      <c r="H75" s="6" t="s">
        <v>232</v>
      </c>
      <c r="I75" s="9">
        <v>6020005007322</v>
      </c>
      <c r="K75" s="11">
        <v>0</v>
      </c>
      <c r="L75" s="11">
        <v>0</v>
      </c>
    </row>
    <row r="76" spans="1:12" ht="21.75" customHeight="1" x14ac:dyDescent="0.2">
      <c r="A76" s="5">
        <v>75</v>
      </c>
      <c r="B76" s="16" t="s">
        <v>12</v>
      </c>
      <c r="C76" s="6" t="s">
        <v>13</v>
      </c>
      <c r="D76" s="7" t="s">
        <v>233</v>
      </c>
      <c r="E76" s="18" t="s">
        <v>219</v>
      </c>
      <c r="F76" s="8">
        <v>0</v>
      </c>
      <c r="G76" s="5" t="s">
        <v>208</v>
      </c>
      <c r="H76" s="6" t="s">
        <v>234</v>
      </c>
      <c r="I76" s="9">
        <v>3020005007440</v>
      </c>
      <c r="K76" s="11">
        <v>0</v>
      </c>
      <c r="L76" s="11">
        <v>0</v>
      </c>
    </row>
    <row r="77" spans="1:12" ht="21.75" customHeight="1" x14ac:dyDescent="0.2">
      <c r="A77" s="5">
        <v>76</v>
      </c>
      <c r="B77" s="16" t="s">
        <v>12</v>
      </c>
      <c r="C77" s="6" t="s">
        <v>13</v>
      </c>
      <c r="D77" s="7" t="s">
        <v>235</v>
      </c>
      <c r="E77" s="18" t="s">
        <v>219</v>
      </c>
      <c r="F77" s="8">
        <v>0</v>
      </c>
      <c r="G77" s="5" t="s">
        <v>208</v>
      </c>
      <c r="H77" s="6" t="s">
        <v>236</v>
      </c>
      <c r="I77" s="9">
        <v>4020005007472</v>
      </c>
      <c r="K77" s="11">
        <v>0</v>
      </c>
      <c r="L77" s="11">
        <v>0</v>
      </c>
    </row>
    <row r="78" spans="1:12" ht="21.75" customHeight="1" x14ac:dyDescent="0.2">
      <c r="A78" s="5">
        <v>77</v>
      </c>
      <c r="B78" s="16" t="s">
        <v>12</v>
      </c>
      <c r="C78" s="6" t="s">
        <v>46</v>
      </c>
      <c r="D78" s="7" t="s">
        <v>237</v>
      </c>
      <c r="E78" s="18" t="s">
        <v>238</v>
      </c>
      <c r="F78" s="8">
        <v>0</v>
      </c>
      <c r="G78" s="5" t="s">
        <v>208</v>
      </c>
      <c r="H78" s="6" t="s">
        <v>239</v>
      </c>
      <c r="I78" s="9">
        <v>2020005007276</v>
      </c>
      <c r="K78" s="11">
        <v>0</v>
      </c>
      <c r="L78" s="11">
        <v>0</v>
      </c>
    </row>
    <row r="79" spans="1:12" ht="21.75" customHeight="1" x14ac:dyDescent="0.2">
      <c r="A79" s="5">
        <v>78</v>
      </c>
      <c r="B79" s="16" t="s">
        <v>50</v>
      </c>
      <c r="C79" s="6" t="s">
        <v>51</v>
      </c>
      <c r="D79" s="7" t="s">
        <v>240</v>
      </c>
      <c r="E79" s="18" t="s">
        <v>241</v>
      </c>
      <c r="F79" s="8">
        <v>0</v>
      </c>
      <c r="G79" s="5" t="s">
        <v>208</v>
      </c>
      <c r="H79" s="6" t="s">
        <v>242</v>
      </c>
      <c r="I79" s="9">
        <v>8020005007477</v>
      </c>
      <c r="K79" s="11">
        <v>0</v>
      </c>
      <c r="L79" s="11">
        <v>0</v>
      </c>
    </row>
    <row r="80" spans="1:12" ht="21.75" customHeight="1" x14ac:dyDescent="0.2">
      <c r="A80" s="5">
        <v>79</v>
      </c>
      <c r="B80" s="16" t="s">
        <v>50</v>
      </c>
      <c r="C80" s="6" t="s">
        <v>88</v>
      </c>
      <c r="D80" s="7" t="s">
        <v>243</v>
      </c>
      <c r="E80" s="18" t="s">
        <v>244</v>
      </c>
      <c r="F80" s="8">
        <v>0</v>
      </c>
      <c r="G80" s="5" t="s">
        <v>208</v>
      </c>
      <c r="H80" s="6" t="s">
        <v>245</v>
      </c>
      <c r="I80" s="9">
        <v>3020005007226</v>
      </c>
      <c r="K80" s="11">
        <v>0</v>
      </c>
      <c r="L80" s="11">
        <v>0</v>
      </c>
    </row>
    <row r="81" spans="1:12" ht="21.75" customHeight="1" x14ac:dyDescent="0.2">
      <c r="A81" s="5">
        <v>80</v>
      </c>
      <c r="B81" s="16" t="s">
        <v>50</v>
      </c>
      <c r="C81" s="6" t="s">
        <v>104</v>
      </c>
      <c r="D81" s="7" t="s">
        <v>246</v>
      </c>
      <c r="E81" s="18" t="s">
        <v>247</v>
      </c>
      <c r="F81" s="8">
        <v>0</v>
      </c>
      <c r="G81" s="5" t="s">
        <v>208</v>
      </c>
      <c r="H81" s="6" t="s">
        <v>248</v>
      </c>
      <c r="I81" s="9">
        <v>1020005007236</v>
      </c>
      <c r="K81" s="11">
        <v>0</v>
      </c>
      <c r="L81" s="11">
        <v>0</v>
      </c>
    </row>
    <row r="82" spans="1:12" ht="21.75" customHeight="1" x14ac:dyDescent="0.2">
      <c r="A82" s="5">
        <v>81</v>
      </c>
      <c r="B82" s="16" t="s">
        <v>50</v>
      </c>
      <c r="C82" s="6" t="s">
        <v>104</v>
      </c>
      <c r="D82" s="7" t="s">
        <v>249</v>
      </c>
      <c r="E82" s="18" t="s">
        <v>250</v>
      </c>
      <c r="F82" s="8">
        <v>0</v>
      </c>
      <c r="G82" s="5" t="s">
        <v>208</v>
      </c>
      <c r="H82" s="6" t="s">
        <v>251</v>
      </c>
      <c r="I82" s="9">
        <v>3020005007283</v>
      </c>
      <c r="K82" s="11">
        <v>0</v>
      </c>
      <c r="L82" s="11">
        <v>0</v>
      </c>
    </row>
    <row r="83" spans="1:12" ht="21.75" customHeight="1" x14ac:dyDescent="0.2">
      <c r="A83" s="5">
        <v>82</v>
      </c>
      <c r="B83" s="16" t="s">
        <v>50</v>
      </c>
      <c r="C83" s="6" t="s">
        <v>104</v>
      </c>
      <c r="D83" s="7" t="s">
        <v>252</v>
      </c>
      <c r="E83" s="18" t="s">
        <v>253</v>
      </c>
      <c r="F83" s="8">
        <v>0</v>
      </c>
      <c r="G83" s="5" t="s">
        <v>208</v>
      </c>
      <c r="H83" s="6" t="s">
        <v>254</v>
      </c>
      <c r="I83" s="9">
        <v>4020005007282</v>
      </c>
      <c r="K83" s="11">
        <v>0</v>
      </c>
      <c r="L83" s="11">
        <v>0</v>
      </c>
    </row>
    <row r="84" spans="1:12" ht="21.75" customHeight="1" x14ac:dyDescent="0.2">
      <c r="A84" s="5">
        <v>83</v>
      </c>
      <c r="B84" s="16" t="s">
        <v>50</v>
      </c>
      <c r="C84" s="6" t="s">
        <v>104</v>
      </c>
      <c r="D84" s="7" t="s">
        <v>255</v>
      </c>
      <c r="E84" s="18" t="s">
        <v>256</v>
      </c>
      <c r="F84" s="8">
        <v>0</v>
      </c>
      <c r="G84" s="5" t="s">
        <v>208</v>
      </c>
      <c r="H84" s="6" t="s">
        <v>257</v>
      </c>
      <c r="I84" s="9">
        <v>6020005007396</v>
      </c>
      <c r="K84" s="11">
        <v>0</v>
      </c>
      <c r="L84" s="11">
        <v>0</v>
      </c>
    </row>
    <row r="85" spans="1:12" ht="21.75" customHeight="1" x14ac:dyDescent="0.2">
      <c r="A85" s="5">
        <v>84</v>
      </c>
      <c r="B85" s="16" t="s">
        <v>50</v>
      </c>
      <c r="C85" s="6" t="s">
        <v>114</v>
      </c>
      <c r="D85" s="7" t="s">
        <v>258</v>
      </c>
      <c r="E85" s="18" t="s">
        <v>259</v>
      </c>
      <c r="F85" s="8">
        <v>0</v>
      </c>
      <c r="G85" s="5" t="s">
        <v>208</v>
      </c>
      <c r="H85" s="6" t="s">
        <v>260</v>
      </c>
      <c r="I85" s="9">
        <v>5020005007315</v>
      </c>
      <c r="K85" s="11">
        <v>0</v>
      </c>
      <c r="L85" s="11">
        <v>0</v>
      </c>
    </row>
    <row r="86" spans="1:12" ht="21.75" customHeight="1" x14ac:dyDescent="0.2">
      <c r="A86" s="5">
        <v>85</v>
      </c>
      <c r="B86" s="16" t="s">
        <v>50</v>
      </c>
      <c r="C86" s="6" t="s">
        <v>124</v>
      </c>
      <c r="D86" s="7" t="s">
        <v>261</v>
      </c>
      <c r="E86" s="18" t="s">
        <v>262</v>
      </c>
      <c r="F86" s="8">
        <v>0</v>
      </c>
      <c r="G86" s="5" t="s">
        <v>208</v>
      </c>
      <c r="H86" s="6" t="s">
        <v>263</v>
      </c>
      <c r="I86" s="9">
        <v>7020005012866</v>
      </c>
      <c r="K86" s="11">
        <v>0</v>
      </c>
      <c r="L86" s="11">
        <v>0</v>
      </c>
    </row>
    <row r="87" spans="1:12" ht="21.75" customHeight="1" x14ac:dyDescent="0.2">
      <c r="A87" s="5">
        <v>86</v>
      </c>
      <c r="B87" s="16" t="s">
        <v>50</v>
      </c>
      <c r="C87" s="6" t="s">
        <v>124</v>
      </c>
      <c r="D87" s="7" t="s">
        <v>264</v>
      </c>
      <c r="E87" s="18" t="s">
        <v>265</v>
      </c>
      <c r="F87" s="8">
        <v>0</v>
      </c>
      <c r="G87" s="5" t="s">
        <v>208</v>
      </c>
      <c r="H87" s="6" t="s">
        <v>266</v>
      </c>
      <c r="I87" s="9">
        <v>1020005007285</v>
      </c>
      <c r="K87" s="11">
        <v>0</v>
      </c>
      <c r="L87" s="11">
        <v>0</v>
      </c>
    </row>
    <row r="88" spans="1:12" ht="21.75" customHeight="1" x14ac:dyDescent="0.2">
      <c r="A88" s="5">
        <v>87</v>
      </c>
      <c r="B88" s="16" t="s">
        <v>50</v>
      </c>
      <c r="C88" s="6" t="s">
        <v>124</v>
      </c>
      <c r="D88" s="7" t="s">
        <v>267</v>
      </c>
      <c r="E88" s="18" t="s">
        <v>268</v>
      </c>
      <c r="F88" s="8">
        <v>0</v>
      </c>
      <c r="G88" s="5" t="s">
        <v>208</v>
      </c>
      <c r="H88" s="6" t="s">
        <v>269</v>
      </c>
      <c r="I88" s="9">
        <v>4020005007381</v>
      </c>
      <c r="J88" s="10" t="s">
        <v>948</v>
      </c>
      <c r="K88" s="11">
        <v>0</v>
      </c>
      <c r="L88" s="11" t="s">
        <v>270</v>
      </c>
    </row>
    <row r="89" spans="1:12" ht="21.75" customHeight="1" x14ac:dyDescent="0.2">
      <c r="A89" s="5">
        <v>88</v>
      </c>
      <c r="B89" s="16" t="s">
        <v>50</v>
      </c>
      <c r="C89" s="6" t="s">
        <v>128</v>
      </c>
      <c r="D89" s="7" t="s">
        <v>271</v>
      </c>
      <c r="E89" s="18" t="s">
        <v>272</v>
      </c>
      <c r="F89" s="8">
        <v>0</v>
      </c>
      <c r="G89" s="5" t="s">
        <v>208</v>
      </c>
      <c r="H89" s="6" t="s">
        <v>273</v>
      </c>
      <c r="I89" s="9">
        <v>8020005007361</v>
      </c>
      <c r="K89" s="11">
        <v>0</v>
      </c>
      <c r="L89" s="11">
        <v>0</v>
      </c>
    </row>
    <row r="90" spans="1:12" ht="21.75" customHeight="1" x14ac:dyDescent="0.2">
      <c r="A90" s="5">
        <v>89</v>
      </c>
      <c r="B90" s="16" t="s">
        <v>50</v>
      </c>
      <c r="C90" s="6" t="s">
        <v>135</v>
      </c>
      <c r="D90" s="7" t="s">
        <v>274</v>
      </c>
      <c r="E90" s="18" t="s">
        <v>275</v>
      </c>
      <c r="F90" s="8">
        <v>0</v>
      </c>
      <c r="G90" s="5" t="s">
        <v>208</v>
      </c>
      <c r="H90" s="6" t="s">
        <v>276</v>
      </c>
      <c r="I90" s="9">
        <v>6020005007223</v>
      </c>
      <c r="K90" s="11">
        <v>0</v>
      </c>
      <c r="L90" s="11">
        <v>0</v>
      </c>
    </row>
    <row r="91" spans="1:12" ht="21.75" customHeight="1" x14ac:dyDescent="0.2">
      <c r="A91" s="5">
        <v>90</v>
      </c>
      <c r="B91" s="16" t="s">
        <v>50</v>
      </c>
      <c r="C91" s="6" t="s">
        <v>135</v>
      </c>
      <c r="D91" s="7" t="s">
        <v>277</v>
      </c>
      <c r="E91" s="18" t="s">
        <v>278</v>
      </c>
      <c r="F91" s="8">
        <v>0</v>
      </c>
      <c r="G91" s="5" t="s">
        <v>208</v>
      </c>
      <c r="H91" s="6" t="s">
        <v>279</v>
      </c>
      <c r="I91" s="9">
        <v>4020005007349</v>
      </c>
      <c r="K91" s="11">
        <v>0</v>
      </c>
      <c r="L91" s="11">
        <v>0</v>
      </c>
    </row>
    <row r="92" spans="1:12" ht="21.75" customHeight="1" x14ac:dyDescent="0.2">
      <c r="A92" s="5">
        <v>91</v>
      </c>
      <c r="B92" s="16" t="s">
        <v>50</v>
      </c>
      <c r="C92" s="6" t="s">
        <v>135</v>
      </c>
      <c r="D92" s="7" t="s">
        <v>280</v>
      </c>
      <c r="E92" s="18" t="s">
        <v>281</v>
      </c>
      <c r="F92" s="8">
        <v>0</v>
      </c>
      <c r="G92" s="5" t="s">
        <v>208</v>
      </c>
      <c r="H92" s="6" t="s">
        <v>282</v>
      </c>
      <c r="I92" s="9">
        <v>6020005007280</v>
      </c>
      <c r="K92" s="11">
        <v>0</v>
      </c>
      <c r="L92" s="11">
        <v>0</v>
      </c>
    </row>
    <row r="93" spans="1:12" ht="21.75" customHeight="1" x14ac:dyDescent="0.2">
      <c r="A93" s="5">
        <v>92</v>
      </c>
      <c r="B93" s="16" t="s">
        <v>50</v>
      </c>
      <c r="C93" s="6" t="s">
        <v>135</v>
      </c>
      <c r="D93" s="7" t="s">
        <v>283</v>
      </c>
      <c r="E93" s="18" t="s">
        <v>284</v>
      </c>
      <c r="F93" s="8">
        <v>0</v>
      </c>
      <c r="G93" s="5" t="s">
        <v>208</v>
      </c>
      <c r="H93" s="6" t="s">
        <v>285</v>
      </c>
      <c r="I93" s="9">
        <v>6020005007421</v>
      </c>
      <c r="K93" s="11">
        <v>0</v>
      </c>
      <c r="L93" s="11">
        <v>0</v>
      </c>
    </row>
    <row r="94" spans="1:12" ht="21.75" customHeight="1" x14ac:dyDescent="0.2">
      <c r="A94" s="5">
        <v>93</v>
      </c>
      <c r="B94" s="16" t="s">
        <v>50</v>
      </c>
      <c r="C94" s="6" t="s">
        <v>135</v>
      </c>
      <c r="D94" s="7" t="s">
        <v>286</v>
      </c>
      <c r="E94" s="18" t="s">
        <v>287</v>
      </c>
      <c r="F94" s="8">
        <v>0</v>
      </c>
      <c r="G94" s="5" t="s">
        <v>208</v>
      </c>
      <c r="H94" s="6" t="s">
        <v>288</v>
      </c>
      <c r="I94" s="9">
        <v>1020005007467</v>
      </c>
      <c r="K94" s="11">
        <v>0</v>
      </c>
      <c r="L94" s="11">
        <v>0</v>
      </c>
    </row>
    <row r="95" spans="1:12" ht="21.75" customHeight="1" x14ac:dyDescent="0.2">
      <c r="A95" s="5">
        <v>94</v>
      </c>
      <c r="B95" s="16" t="s">
        <v>50</v>
      </c>
      <c r="C95" s="6" t="s">
        <v>135</v>
      </c>
      <c r="D95" s="7" t="s">
        <v>289</v>
      </c>
      <c r="E95" s="18" t="s">
        <v>290</v>
      </c>
      <c r="F95" s="8">
        <v>0</v>
      </c>
      <c r="G95" s="5" t="s">
        <v>208</v>
      </c>
      <c r="H95" s="6" t="s">
        <v>291</v>
      </c>
      <c r="I95" s="9">
        <v>8020005007493</v>
      </c>
      <c r="K95" s="11">
        <v>0</v>
      </c>
      <c r="L95" s="11">
        <v>0</v>
      </c>
    </row>
    <row r="96" spans="1:12" ht="21.75" customHeight="1" x14ac:dyDescent="0.2">
      <c r="A96" s="5">
        <v>95</v>
      </c>
      <c r="B96" s="16" t="s">
        <v>50</v>
      </c>
      <c r="C96" s="6" t="s">
        <v>146</v>
      </c>
      <c r="D96" s="7" t="s">
        <v>292</v>
      </c>
      <c r="E96" s="18" t="s">
        <v>293</v>
      </c>
      <c r="F96" s="8">
        <v>0</v>
      </c>
      <c r="G96" s="5" t="s">
        <v>208</v>
      </c>
      <c r="H96" s="6" t="s">
        <v>294</v>
      </c>
      <c r="I96" s="9">
        <v>4020005007332</v>
      </c>
      <c r="K96" s="11">
        <v>0</v>
      </c>
      <c r="L96" s="11">
        <v>0</v>
      </c>
    </row>
    <row r="97" spans="1:12" ht="21.75" customHeight="1" x14ac:dyDescent="0.2">
      <c r="A97" s="5">
        <v>96</v>
      </c>
      <c r="B97" s="16" t="s">
        <v>949</v>
      </c>
      <c r="C97" s="6" t="s">
        <v>150</v>
      </c>
      <c r="D97" s="7" t="s">
        <v>295</v>
      </c>
      <c r="E97" s="18" t="s">
        <v>296</v>
      </c>
      <c r="F97" s="8">
        <v>0</v>
      </c>
      <c r="G97" s="5" t="s">
        <v>208</v>
      </c>
      <c r="H97" s="6" t="s">
        <v>297</v>
      </c>
      <c r="I97" s="9">
        <v>5020005014600</v>
      </c>
      <c r="K97" s="11">
        <v>0</v>
      </c>
      <c r="L97" s="11">
        <v>0</v>
      </c>
    </row>
    <row r="98" spans="1:12" ht="21.75" customHeight="1" x14ac:dyDescent="0.2">
      <c r="A98" s="5">
        <v>97</v>
      </c>
      <c r="B98" s="16" t="s">
        <v>949</v>
      </c>
      <c r="C98" s="6" t="s">
        <v>298</v>
      </c>
      <c r="D98" s="7" t="s">
        <v>299</v>
      </c>
      <c r="E98" s="18" t="s">
        <v>300</v>
      </c>
      <c r="F98" s="8">
        <v>0</v>
      </c>
      <c r="G98" s="5" t="s">
        <v>208</v>
      </c>
      <c r="H98" s="6" t="s">
        <v>301</v>
      </c>
      <c r="I98" s="9">
        <v>9020005007245</v>
      </c>
      <c r="K98" s="11">
        <v>0</v>
      </c>
      <c r="L98" s="11">
        <v>0</v>
      </c>
    </row>
    <row r="99" spans="1:12" ht="21.75" customHeight="1" x14ac:dyDescent="0.2">
      <c r="A99" s="5">
        <v>98</v>
      </c>
      <c r="B99" s="16" t="s">
        <v>949</v>
      </c>
      <c r="C99" s="6" t="s">
        <v>168</v>
      </c>
      <c r="D99" s="7" t="s">
        <v>302</v>
      </c>
      <c r="E99" s="18" t="s">
        <v>303</v>
      </c>
      <c r="F99" s="8">
        <v>0</v>
      </c>
      <c r="G99" s="5" t="s">
        <v>208</v>
      </c>
      <c r="H99" s="6" t="s">
        <v>304</v>
      </c>
      <c r="I99" s="9">
        <v>5020005007257</v>
      </c>
      <c r="K99" s="11">
        <v>0</v>
      </c>
      <c r="L99" s="11">
        <v>0</v>
      </c>
    </row>
    <row r="100" spans="1:12" ht="21.75" customHeight="1" x14ac:dyDescent="0.2">
      <c r="A100" s="5">
        <v>99</v>
      </c>
      <c r="B100" s="16" t="s">
        <v>949</v>
      </c>
      <c r="C100" s="6" t="s">
        <v>168</v>
      </c>
      <c r="D100" s="7" t="s">
        <v>305</v>
      </c>
      <c r="E100" s="18" t="s">
        <v>306</v>
      </c>
      <c r="F100" s="8">
        <v>0</v>
      </c>
      <c r="G100" s="5" t="s">
        <v>208</v>
      </c>
      <c r="H100" s="6" t="s">
        <v>307</v>
      </c>
      <c r="I100" s="9">
        <v>7020005013220</v>
      </c>
      <c r="K100" s="11">
        <v>0</v>
      </c>
      <c r="L100" s="11">
        <v>0</v>
      </c>
    </row>
    <row r="101" spans="1:12" ht="21.75" customHeight="1" x14ac:dyDescent="0.2">
      <c r="A101" s="5">
        <v>100</v>
      </c>
      <c r="B101" s="16" t="s">
        <v>174</v>
      </c>
      <c r="C101" s="6" t="s">
        <v>175</v>
      </c>
      <c r="D101" s="7" t="s">
        <v>308</v>
      </c>
      <c r="E101" s="18" t="s">
        <v>309</v>
      </c>
      <c r="F101" s="8">
        <v>0</v>
      </c>
      <c r="G101" s="5" t="s">
        <v>208</v>
      </c>
      <c r="H101" s="6" t="s">
        <v>310</v>
      </c>
      <c r="I101" s="9">
        <v>2020005007169</v>
      </c>
      <c r="K101" s="11">
        <v>0</v>
      </c>
      <c r="L101" s="11">
        <v>0</v>
      </c>
    </row>
    <row r="102" spans="1:12" ht="21.6" customHeight="1" x14ac:dyDescent="0.2">
      <c r="A102" s="5">
        <v>101</v>
      </c>
      <c r="B102" s="16" t="s">
        <v>174</v>
      </c>
      <c r="C102" s="6" t="s">
        <v>175</v>
      </c>
      <c r="D102" s="7" t="s">
        <v>311</v>
      </c>
      <c r="E102" s="18" t="s">
        <v>312</v>
      </c>
      <c r="F102" s="8">
        <v>0</v>
      </c>
      <c r="G102" s="5" t="s">
        <v>208</v>
      </c>
      <c r="H102" s="6" t="s">
        <v>313</v>
      </c>
      <c r="I102" s="9">
        <v>3020005007168</v>
      </c>
      <c r="K102" s="11">
        <v>0</v>
      </c>
      <c r="L102" s="11">
        <v>0</v>
      </c>
    </row>
    <row r="103" spans="1:12" ht="21.75" customHeight="1" x14ac:dyDescent="0.2">
      <c r="A103" s="5">
        <v>102</v>
      </c>
      <c r="B103" s="16" t="s">
        <v>174</v>
      </c>
      <c r="C103" s="6" t="s">
        <v>175</v>
      </c>
      <c r="D103" s="7" t="s">
        <v>314</v>
      </c>
      <c r="E103" s="18" t="s">
        <v>315</v>
      </c>
      <c r="F103" s="8">
        <v>0</v>
      </c>
      <c r="G103" s="5" t="s">
        <v>208</v>
      </c>
      <c r="H103" s="6" t="s">
        <v>316</v>
      </c>
      <c r="I103" s="9">
        <v>3010805000372</v>
      </c>
      <c r="K103" s="11">
        <v>0</v>
      </c>
      <c r="L103" s="11">
        <v>0</v>
      </c>
    </row>
    <row r="104" spans="1:12" ht="21.75" customHeight="1" x14ac:dyDescent="0.2">
      <c r="A104" s="5">
        <v>103</v>
      </c>
      <c r="B104" s="16" t="s">
        <v>174</v>
      </c>
      <c r="C104" s="6" t="s">
        <v>175</v>
      </c>
      <c r="D104" s="7" t="s">
        <v>317</v>
      </c>
      <c r="E104" s="18" t="s">
        <v>318</v>
      </c>
      <c r="F104" s="8">
        <v>0</v>
      </c>
      <c r="G104" s="5" t="s">
        <v>208</v>
      </c>
      <c r="H104" s="6" t="s">
        <v>319</v>
      </c>
      <c r="I104" s="9">
        <v>9020005007170</v>
      </c>
      <c r="K104" s="11">
        <v>0</v>
      </c>
      <c r="L104" s="11">
        <v>0</v>
      </c>
    </row>
    <row r="105" spans="1:12" ht="21.75" customHeight="1" x14ac:dyDescent="0.2">
      <c r="A105" s="5">
        <v>104</v>
      </c>
      <c r="B105" s="16" t="s">
        <v>174</v>
      </c>
      <c r="C105" s="6" t="s">
        <v>175</v>
      </c>
      <c r="D105" s="7" t="s">
        <v>320</v>
      </c>
      <c r="E105" s="18" t="s">
        <v>321</v>
      </c>
      <c r="F105" s="8">
        <v>0</v>
      </c>
      <c r="G105" s="5" t="s">
        <v>208</v>
      </c>
      <c r="H105" s="6" t="s">
        <v>322</v>
      </c>
      <c r="I105" s="9">
        <v>5020005007158</v>
      </c>
      <c r="K105" s="11">
        <v>0</v>
      </c>
      <c r="L105" s="11">
        <v>0</v>
      </c>
    </row>
    <row r="106" spans="1:12" ht="21.75" customHeight="1" x14ac:dyDescent="0.2">
      <c r="A106" s="5">
        <v>105</v>
      </c>
      <c r="B106" s="16" t="s">
        <v>174</v>
      </c>
      <c r="C106" s="6" t="s">
        <v>175</v>
      </c>
      <c r="D106" s="7" t="s">
        <v>323</v>
      </c>
      <c r="E106" s="18" t="s">
        <v>324</v>
      </c>
      <c r="F106" s="8">
        <v>0</v>
      </c>
      <c r="G106" s="5" t="s">
        <v>208</v>
      </c>
      <c r="H106" s="6" t="s">
        <v>325</v>
      </c>
      <c r="I106" s="9">
        <v>5020005007166</v>
      </c>
      <c r="K106" s="11">
        <v>0</v>
      </c>
      <c r="L106" s="11">
        <v>0</v>
      </c>
    </row>
    <row r="107" spans="1:12" ht="21.75" customHeight="1" x14ac:dyDescent="0.2">
      <c r="A107" s="5">
        <v>106</v>
      </c>
      <c r="B107" s="16" t="s">
        <v>174</v>
      </c>
      <c r="C107" s="6" t="s">
        <v>175</v>
      </c>
      <c r="D107" s="7" t="s">
        <v>326</v>
      </c>
      <c r="E107" s="18" t="s">
        <v>327</v>
      </c>
      <c r="F107" s="8">
        <v>0</v>
      </c>
      <c r="G107" s="5" t="s">
        <v>208</v>
      </c>
      <c r="H107" s="6" t="s">
        <v>328</v>
      </c>
      <c r="I107" s="9">
        <v>4020005007167</v>
      </c>
      <c r="K107" s="11">
        <v>0</v>
      </c>
      <c r="L107" s="11">
        <v>0</v>
      </c>
    </row>
    <row r="108" spans="1:12" ht="21.75" customHeight="1" x14ac:dyDescent="0.2">
      <c r="A108" s="5">
        <v>107</v>
      </c>
      <c r="B108" s="16" t="s">
        <v>12</v>
      </c>
      <c r="C108" s="6" t="s">
        <v>13</v>
      </c>
      <c r="D108" s="7" t="s">
        <v>329</v>
      </c>
      <c r="E108" s="18" t="s">
        <v>214</v>
      </c>
      <c r="F108" s="8">
        <v>0</v>
      </c>
      <c r="G108" s="5" t="s">
        <v>330</v>
      </c>
      <c r="H108" s="6" t="s">
        <v>331</v>
      </c>
      <c r="I108" s="9">
        <v>9020005007220</v>
      </c>
      <c r="K108" s="11">
        <v>0</v>
      </c>
      <c r="L108" s="11">
        <v>0</v>
      </c>
    </row>
    <row r="109" spans="1:12" ht="21.75" customHeight="1" x14ac:dyDescent="0.2">
      <c r="A109" s="5">
        <v>108</v>
      </c>
      <c r="B109" s="16" t="s">
        <v>12</v>
      </c>
      <c r="C109" s="6" t="s">
        <v>13</v>
      </c>
      <c r="D109" s="7" t="s">
        <v>332</v>
      </c>
      <c r="E109" s="18" t="s">
        <v>214</v>
      </c>
      <c r="F109" s="8">
        <v>0</v>
      </c>
      <c r="G109" s="5" t="s">
        <v>330</v>
      </c>
      <c r="H109" s="6" t="s">
        <v>333</v>
      </c>
      <c r="I109" s="9">
        <v>5020005007216</v>
      </c>
      <c r="K109" s="11">
        <v>0</v>
      </c>
      <c r="L109" s="11">
        <v>0</v>
      </c>
    </row>
    <row r="110" spans="1:12" ht="21.75" customHeight="1" x14ac:dyDescent="0.2">
      <c r="A110" s="5">
        <v>109</v>
      </c>
      <c r="B110" s="16" t="s">
        <v>12</v>
      </c>
      <c r="C110" s="6" t="s">
        <v>13</v>
      </c>
      <c r="D110" s="7" t="s">
        <v>334</v>
      </c>
      <c r="E110" s="18" t="s">
        <v>335</v>
      </c>
      <c r="F110" s="8">
        <v>0</v>
      </c>
      <c r="G110" s="5" t="s">
        <v>330</v>
      </c>
      <c r="H110" s="6" t="s">
        <v>336</v>
      </c>
      <c r="I110" s="9">
        <v>5020005007232</v>
      </c>
      <c r="K110" s="11">
        <v>0</v>
      </c>
      <c r="L110" s="11">
        <v>0</v>
      </c>
    </row>
    <row r="111" spans="1:12" ht="21.75" customHeight="1" x14ac:dyDescent="0.2">
      <c r="A111" s="5">
        <v>110</v>
      </c>
      <c r="B111" s="16" t="s">
        <v>12</v>
      </c>
      <c r="C111" s="6" t="s">
        <v>13</v>
      </c>
      <c r="D111" s="7" t="s">
        <v>337</v>
      </c>
      <c r="E111" s="18" t="s">
        <v>214</v>
      </c>
      <c r="F111" s="8">
        <v>0</v>
      </c>
      <c r="G111" s="5" t="s">
        <v>330</v>
      </c>
      <c r="H111" s="6" t="s">
        <v>338</v>
      </c>
      <c r="I111" s="9">
        <v>4020005007241</v>
      </c>
      <c r="K111" s="11">
        <v>0</v>
      </c>
      <c r="L111" s="11">
        <v>0</v>
      </c>
    </row>
    <row r="112" spans="1:12" ht="21.75" customHeight="1" x14ac:dyDescent="0.2">
      <c r="A112" s="5">
        <v>111</v>
      </c>
      <c r="B112" s="16" t="s">
        <v>12</v>
      </c>
      <c r="C112" s="6" t="s">
        <v>13</v>
      </c>
      <c r="D112" s="7" t="s">
        <v>339</v>
      </c>
      <c r="E112" s="18" t="s">
        <v>335</v>
      </c>
      <c r="F112" s="8">
        <v>0</v>
      </c>
      <c r="G112" s="5" t="s">
        <v>330</v>
      </c>
      <c r="H112" s="6" t="s">
        <v>340</v>
      </c>
      <c r="I112" s="9">
        <v>8020005007262</v>
      </c>
      <c r="K112" s="11">
        <v>0</v>
      </c>
      <c r="L112" s="11">
        <v>0</v>
      </c>
    </row>
    <row r="113" spans="1:12" ht="21.75" customHeight="1" x14ac:dyDescent="0.2">
      <c r="A113" s="5">
        <v>112</v>
      </c>
      <c r="B113" s="16" t="s">
        <v>12</v>
      </c>
      <c r="C113" s="6" t="s">
        <v>13</v>
      </c>
      <c r="D113" s="7" t="s">
        <v>341</v>
      </c>
      <c r="E113" s="18" t="s">
        <v>211</v>
      </c>
      <c r="F113" s="8">
        <v>0</v>
      </c>
      <c r="G113" s="5" t="s">
        <v>330</v>
      </c>
      <c r="H113" s="6" t="s">
        <v>342</v>
      </c>
      <c r="I113" s="9">
        <v>5020005007273</v>
      </c>
      <c r="K113" s="11">
        <v>0</v>
      </c>
      <c r="L113" s="11">
        <v>0</v>
      </c>
    </row>
    <row r="114" spans="1:12" ht="21.75" customHeight="1" x14ac:dyDescent="0.2">
      <c r="A114" s="5">
        <v>113</v>
      </c>
      <c r="B114" s="16" t="s">
        <v>12</v>
      </c>
      <c r="C114" s="6" t="s">
        <v>13</v>
      </c>
      <c r="D114" s="7" t="s">
        <v>343</v>
      </c>
      <c r="E114" s="18" t="s">
        <v>344</v>
      </c>
      <c r="F114" s="8">
        <v>0</v>
      </c>
      <c r="G114" s="5" t="s">
        <v>330</v>
      </c>
      <c r="H114" s="6" t="s">
        <v>345</v>
      </c>
      <c r="I114" s="9">
        <v>3020005007309</v>
      </c>
      <c r="K114" s="11">
        <v>0</v>
      </c>
      <c r="L114" s="11">
        <v>0</v>
      </c>
    </row>
    <row r="115" spans="1:12" ht="21.75" customHeight="1" x14ac:dyDescent="0.2">
      <c r="A115" s="5">
        <v>114</v>
      </c>
      <c r="B115" s="16" t="s">
        <v>12</v>
      </c>
      <c r="C115" s="6" t="s">
        <v>13</v>
      </c>
      <c r="D115" s="7" t="s">
        <v>28</v>
      </c>
      <c r="E115" s="18" t="s">
        <v>214</v>
      </c>
      <c r="F115" s="8">
        <v>0</v>
      </c>
      <c r="G115" s="5" t="s">
        <v>330</v>
      </c>
      <c r="H115" s="6" t="s">
        <v>346</v>
      </c>
      <c r="I115" s="9">
        <v>3020005007291</v>
      </c>
      <c r="K115" s="11">
        <v>0</v>
      </c>
      <c r="L115" s="11">
        <v>0</v>
      </c>
    </row>
    <row r="116" spans="1:12" ht="21.75" customHeight="1" x14ac:dyDescent="0.2">
      <c r="A116" s="5">
        <v>115</v>
      </c>
      <c r="B116" s="16" t="s">
        <v>12</v>
      </c>
      <c r="C116" s="6" t="s">
        <v>13</v>
      </c>
      <c r="D116" s="7" t="s">
        <v>218</v>
      </c>
      <c r="E116" s="18" t="s">
        <v>211</v>
      </c>
      <c r="F116" s="8">
        <v>0</v>
      </c>
      <c r="G116" s="5" t="s">
        <v>330</v>
      </c>
      <c r="H116" s="6" t="s">
        <v>347</v>
      </c>
      <c r="I116" s="9">
        <v>6020005007297</v>
      </c>
      <c r="K116" s="11">
        <v>0</v>
      </c>
      <c r="L116" s="11">
        <v>0</v>
      </c>
    </row>
    <row r="117" spans="1:12" ht="21.75" customHeight="1" x14ac:dyDescent="0.2">
      <c r="A117" s="5">
        <v>116</v>
      </c>
      <c r="B117" s="16" t="s">
        <v>12</v>
      </c>
      <c r="C117" s="6" t="s">
        <v>13</v>
      </c>
      <c r="D117" s="7" t="s">
        <v>348</v>
      </c>
      <c r="E117" s="18" t="s">
        <v>349</v>
      </c>
      <c r="F117" s="8">
        <v>0</v>
      </c>
      <c r="G117" s="5" t="s">
        <v>330</v>
      </c>
      <c r="H117" s="6" t="s">
        <v>350</v>
      </c>
      <c r="I117" s="9">
        <v>3020005007341</v>
      </c>
      <c r="J117" s="10" t="s">
        <v>948</v>
      </c>
      <c r="K117" s="11" t="s">
        <v>351</v>
      </c>
      <c r="L117" s="11" t="s">
        <v>214</v>
      </c>
    </row>
    <row r="118" spans="1:12" ht="21.75" customHeight="1" x14ac:dyDescent="0.2">
      <c r="A118" s="5">
        <v>117</v>
      </c>
      <c r="B118" s="16" t="s">
        <v>12</v>
      </c>
      <c r="C118" s="6" t="s">
        <v>13</v>
      </c>
      <c r="D118" s="7" t="s">
        <v>352</v>
      </c>
      <c r="E118" s="18" t="s">
        <v>335</v>
      </c>
      <c r="F118" s="8">
        <v>0</v>
      </c>
      <c r="G118" s="5" t="s">
        <v>330</v>
      </c>
      <c r="H118" s="6" t="s">
        <v>353</v>
      </c>
      <c r="I118" s="9">
        <v>6020005007355</v>
      </c>
      <c r="K118" s="11">
        <v>0</v>
      </c>
      <c r="L118" s="11">
        <v>0</v>
      </c>
    </row>
    <row r="119" spans="1:12" ht="21.75" customHeight="1" x14ac:dyDescent="0.2">
      <c r="A119" s="5">
        <v>118</v>
      </c>
      <c r="B119" s="16" t="s">
        <v>12</v>
      </c>
      <c r="C119" s="6" t="s">
        <v>13</v>
      </c>
      <c r="D119" s="7" t="s">
        <v>354</v>
      </c>
      <c r="E119" s="18" t="s">
        <v>214</v>
      </c>
      <c r="F119" s="8">
        <v>0</v>
      </c>
      <c r="G119" s="5" t="s">
        <v>330</v>
      </c>
      <c r="H119" s="6" t="s">
        <v>355</v>
      </c>
      <c r="I119" s="9">
        <v>2020005007391</v>
      </c>
      <c r="K119" s="11">
        <v>0</v>
      </c>
      <c r="L119" s="11">
        <v>0</v>
      </c>
    </row>
    <row r="120" spans="1:12" ht="21.75" customHeight="1" x14ac:dyDescent="0.2">
      <c r="A120" s="5">
        <v>119</v>
      </c>
      <c r="B120" s="16" t="s">
        <v>12</v>
      </c>
      <c r="C120" s="6" t="s">
        <v>13</v>
      </c>
      <c r="D120" s="7" t="s">
        <v>233</v>
      </c>
      <c r="E120" s="18" t="s">
        <v>349</v>
      </c>
      <c r="F120" s="8">
        <v>0</v>
      </c>
      <c r="G120" s="5" t="s">
        <v>330</v>
      </c>
      <c r="H120" s="6" t="s">
        <v>356</v>
      </c>
      <c r="I120" s="9">
        <v>5020005007439</v>
      </c>
      <c r="J120" s="10" t="s">
        <v>948</v>
      </c>
      <c r="K120" s="11">
        <v>0</v>
      </c>
      <c r="L120" s="11" t="s">
        <v>214</v>
      </c>
    </row>
    <row r="121" spans="1:12" ht="21.75" customHeight="1" x14ac:dyDescent="0.2">
      <c r="A121" s="5">
        <v>120</v>
      </c>
      <c r="B121" s="16" t="s">
        <v>12</v>
      </c>
      <c r="C121" s="6" t="s">
        <v>13</v>
      </c>
      <c r="D121" s="7" t="s">
        <v>233</v>
      </c>
      <c r="E121" s="18" t="s">
        <v>211</v>
      </c>
      <c r="F121" s="8">
        <v>0</v>
      </c>
      <c r="G121" s="5" t="s">
        <v>330</v>
      </c>
      <c r="H121" s="6" t="s">
        <v>357</v>
      </c>
      <c r="I121" s="9">
        <v>2020005007441</v>
      </c>
      <c r="K121" s="11">
        <v>0</v>
      </c>
      <c r="L121" s="11">
        <v>0</v>
      </c>
    </row>
    <row r="122" spans="1:12" ht="21.75" customHeight="1" x14ac:dyDescent="0.2">
      <c r="A122" s="5">
        <v>121</v>
      </c>
      <c r="B122" s="16" t="s">
        <v>12</v>
      </c>
      <c r="C122" s="6" t="s">
        <v>13</v>
      </c>
      <c r="D122" s="7" t="s">
        <v>358</v>
      </c>
      <c r="E122" s="18" t="s">
        <v>335</v>
      </c>
      <c r="F122" s="8">
        <v>0</v>
      </c>
      <c r="G122" s="5" t="s">
        <v>330</v>
      </c>
      <c r="H122" s="6" t="s">
        <v>359</v>
      </c>
      <c r="I122" s="9">
        <v>7020005007445</v>
      </c>
      <c r="K122" s="11">
        <v>0</v>
      </c>
      <c r="L122" s="11">
        <v>0</v>
      </c>
    </row>
    <row r="123" spans="1:12" ht="21.75" customHeight="1" x14ac:dyDescent="0.2">
      <c r="A123" s="5">
        <v>122</v>
      </c>
      <c r="B123" s="16" t="s">
        <v>12</v>
      </c>
      <c r="C123" s="6" t="s">
        <v>46</v>
      </c>
      <c r="D123" s="7" t="s">
        <v>360</v>
      </c>
      <c r="E123" s="18" t="s">
        <v>361</v>
      </c>
      <c r="F123" s="8">
        <v>0</v>
      </c>
      <c r="G123" s="5" t="s">
        <v>330</v>
      </c>
      <c r="H123" s="6" t="s">
        <v>362</v>
      </c>
      <c r="I123" s="9">
        <v>6020005007256</v>
      </c>
      <c r="K123" s="11">
        <v>0</v>
      </c>
      <c r="L123" s="11">
        <v>0</v>
      </c>
    </row>
    <row r="124" spans="1:12" ht="21.75" customHeight="1" x14ac:dyDescent="0.2">
      <c r="A124" s="5">
        <v>123</v>
      </c>
      <c r="B124" s="16" t="s">
        <v>12</v>
      </c>
      <c r="C124" s="6" t="s">
        <v>363</v>
      </c>
      <c r="D124" s="7" t="s">
        <v>364</v>
      </c>
      <c r="E124" s="18" t="s">
        <v>365</v>
      </c>
      <c r="F124" s="8">
        <v>0</v>
      </c>
      <c r="G124" s="5" t="s">
        <v>330</v>
      </c>
      <c r="H124" s="6" t="s">
        <v>366</v>
      </c>
      <c r="I124" s="9">
        <v>8020005007452</v>
      </c>
      <c r="K124" s="11">
        <v>0</v>
      </c>
      <c r="L124" s="11">
        <v>0</v>
      </c>
    </row>
    <row r="125" spans="1:12" ht="21.75" customHeight="1" x14ac:dyDescent="0.2">
      <c r="A125" s="5">
        <v>124</v>
      </c>
      <c r="B125" s="16" t="s">
        <v>12</v>
      </c>
      <c r="C125" s="6" t="s">
        <v>367</v>
      </c>
      <c r="D125" s="7" t="s">
        <v>368</v>
      </c>
      <c r="E125" s="18" t="s">
        <v>369</v>
      </c>
      <c r="F125" s="8">
        <v>0</v>
      </c>
      <c r="G125" s="5" t="s">
        <v>330</v>
      </c>
      <c r="H125" s="6" t="s">
        <v>370</v>
      </c>
      <c r="I125" s="9">
        <v>7020005007247</v>
      </c>
      <c r="K125" s="11">
        <v>0</v>
      </c>
      <c r="L125" s="11">
        <v>0</v>
      </c>
    </row>
    <row r="126" spans="1:12" ht="21.75" customHeight="1" x14ac:dyDescent="0.2">
      <c r="A126" s="5">
        <v>125</v>
      </c>
      <c r="B126" s="16" t="s">
        <v>12</v>
      </c>
      <c r="C126" s="6" t="s">
        <v>367</v>
      </c>
      <c r="D126" s="7" t="s">
        <v>371</v>
      </c>
      <c r="E126" s="18" t="s">
        <v>372</v>
      </c>
      <c r="F126" s="8">
        <v>0</v>
      </c>
      <c r="G126" s="5" t="s">
        <v>330</v>
      </c>
      <c r="H126" s="6" t="s">
        <v>373</v>
      </c>
      <c r="I126" s="9">
        <v>3020005007250</v>
      </c>
      <c r="K126" s="11">
        <v>0</v>
      </c>
      <c r="L126" s="11">
        <v>0</v>
      </c>
    </row>
    <row r="127" spans="1:12" ht="21.75" customHeight="1" x14ac:dyDescent="0.2">
      <c r="A127" s="5">
        <v>126</v>
      </c>
      <c r="B127" s="16" t="s">
        <v>12</v>
      </c>
      <c r="C127" s="6" t="s">
        <v>374</v>
      </c>
      <c r="D127" s="7" t="s">
        <v>375</v>
      </c>
      <c r="E127" s="18" t="s">
        <v>376</v>
      </c>
      <c r="F127" s="8">
        <v>0</v>
      </c>
      <c r="G127" s="5" t="s">
        <v>330</v>
      </c>
      <c r="H127" s="6" t="s">
        <v>377</v>
      </c>
      <c r="I127" s="9">
        <v>1020005007483</v>
      </c>
      <c r="K127" s="11">
        <v>0</v>
      </c>
      <c r="L127" s="11">
        <v>0</v>
      </c>
    </row>
    <row r="128" spans="1:12" ht="21.75" customHeight="1" x14ac:dyDescent="0.2">
      <c r="A128" s="5">
        <v>127</v>
      </c>
      <c r="B128" s="16" t="s">
        <v>50</v>
      </c>
      <c r="C128" s="6" t="s">
        <v>88</v>
      </c>
      <c r="D128" s="7" t="s">
        <v>378</v>
      </c>
      <c r="E128" s="18" t="s">
        <v>379</v>
      </c>
      <c r="F128" s="8">
        <v>0</v>
      </c>
      <c r="G128" s="5" t="s">
        <v>330</v>
      </c>
      <c r="H128" s="6" t="s">
        <v>380</v>
      </c>
      <c r="I128" s="9">
        <v>1020005007203</v>
      </c>
      <c r="K128" s="11">
        <v>0</v>
      </c>
      <c r="L128" s="11">
        <v>0</v>
      </c>
    </row>
    <row r="129" spans="1:12" ht="21.75" customHeight="1" x14ac:dyDescent="0.2">
      <c r="A129" s="5">
        <v>128</v>
      </c>
      <c r="B129" s="16" t="s">
        <v>50</v>
      </c>
      <c r="C129" s="6" t="s">
        <v>88</v>
      </c>
      <c r="D129" s="7" t="s">
        <v>381</v>
      </c>
      <c r="E129" s="18" t="s">
        <v>382</v>
      </c>
      <c r="F129" s="8">
        <v>0</v>
      </c>
      <c r="G129" s="5" t="s">
        <v>330</v>
      </c>
      <c r="H129" s="6" t="s">
        <v>383</v>
      </c>
      <c r="I129" s="9">
        <v>8020005007270</v>
      </c>
      <c r="J129" s="10" t="s">
        <v>948</v>
      </c>
      <c r="K129" s="11">
        <v>0</v>
      </c>
      <c r="L129" s="11" t="s">
        <v>384</v>
      </c>
    </row>
    <row r="130" spans="1:12" ht="21.75" customHeight="1" x14ac:dyDescent="0.2">
      <c r="A130" s="5">
        <v>129</v>
      </c>
      <c r="B130" s="16" t="s">
        <v>50</v>
      </c>
      <c r="C130" s="6" t="s">
        <v>88</v>
      </c>
      <c r="D130" s="7" t="s">
        <v>385</v>
      </c>
      <c r="E130" s="18" t="s">
        <v>386</v>
      </c>
      <c r="F130" s="8">
        <v>0</v>
      </c>
      <c r="G130" s="5" t="s">
        <v>330</v>
      </c>
      <c r="H130" s="6" t="s">
        <v>387</v>
      </c>
      <c r="I130" s="9">
        <v>2020005007334</v>
      </c>
      <c r="K130" s="11">
        <v>0</v>
      </c>
      <c r="L130" s="11">
        <v>0</v>
      </c>
    </row>
    <row r="131" spans="1:12" ht="21.75" customHeight="1" x14ac:dyDescent="0.2">
      <c r="A131" s="5">
        <v>130</v>
      </c>
      <c r="B131" s="16" t="s">
        <v>50</v>
      </c>
      <c r="C131" s="6" t="s">
        <v>88</v>
      </c>
      <c r="D131" s="7" t="s">
        <v>92</v>
      </c>
      <c r="E131" s="18" t="s">
        <v>388</v>
      </c>
      <c r="F131" s="8">
        <v>0</v>
      </c>
      <c r="G131" s="5" t="s">
        <v>330</v>
      </c>
      <c r="H131" s="6" t="s">
        <v>389</v>
      </c>
      <c r="I131" s="9">
        <v>7020005014904</v>
      </c>
      <c r="K131" s="11">
        <v>0</v>
      </c>
      <c r="L131" s="11">
        <v>0</v>
      </c>
    </row>
    <row r="132" spans="1:12" ht="21.75" customHeight="1" x14ac:dyDescent="0.2">
      <c r="A132" s="5">
        <v>131</v>
      </c>
      <c r="B132" s="16" t="s">
        <v>50</v>
      </c>
      <c r="C132" s="6" t="s">
        <v>88</v>
      </c>
      <c r="D132" s="7" t="s">
        <v>390</v>
      </c>
      <c r="E132" s="18" t="s">
        <v>391</v>
      </c>
      <c r="F132" s="8">
        <v>0</v>
      </c>
      <c r="G132" s="5" t="s">
        <v>330</v>
      </c>
      <c r="H132" s="6" t="s">
        <v>392</v>
      </c>
      <c r="I132" s="9">
        <v>4020005007308</v>
      </c>
      <c r="K132" s="11">
        <v>0</v>
      </c>
      <c r="L132" s="11">
        <v>0</v>
      </c>
    </row>
    <row r="133" spans="1:12" ht="21.75" customHeight="1" x14ac:dyDescent="0.2">
      <c r="A133" s="5">
        <v>132</v>
      </c>
      <c r="B133" s="16" t="s">
        <v>50</v>
      </c>
      <c r="C133" s="6" t="s">
        <v>88</v>
      </c>
      <c r="D133" s="7" t="s">
        <v>393</v>
      </c>
      <c r="E133" s="18" t="s">
        <v>394</v>
      </c>
      <c r="F133" s="8">
        <v>0</v>
      </c>
      <c r="G133" s="5" t="s">
        <v>330</v>
      </c>
      <c r="H133" s="6" t="s">
        <v>395</v>
      </c>
      <c r="I133" s="9">
        <v>1020005007376</v>
      </c>
      <c r="K133" s="11">
        <v>0</v>
      </c>
      <c r="L133" s="11">
        <v>0</v>
      </c>
    </row>
    <row r="134" spans="1:12" ht="21.75" customHeight="1" x14ac:dyDescent="0.2">
      <c r="A134" s="5">
        <v>133</v>
      </c>
      <c r="B134" s="16" t="s">
        <v>50</v>
      </c>
      <c r="C134" s="6" t="s">
        <v>88</v>
      </c>
      <c r="D134" s="7" t="s">
        <v>396</v>
      </c>
      <c r="E134" s="18" t="s">
        <v>397</v>
      </c>
      <c r="F134" s="8">
        <v>0</v>
      </c>
      <c r="G134" s="5" t="s">
        <v>330</v>
      </c>
      <c r="H134" s="6" t="s">
        <v>398</v>
      </c>
      <c r="I134" s="9">
        <v>2020005007383</v>
      </c>
      <c r="K134" s="11">
        <v>0</v>
      </c>
      <c r="L134" s="11">
        <v>0</v>
      </c>
    </row>
    <row r="135" spans="1:12" ht="21.75" customHeight="1" x14ac:dyDescent="0.2">
      <c r="A135" s="5">
        <v>134</v>
      </c>
      <c r="B135" s="16" t="s">
        <v>50</v>
      </c>
      <c r="C135" s="6" t="s">
        <v>88</v>
      </c>
      <c r="D135" s="7" t="s">
        <v>399</v>
      </c>
      <c r="E135" s="18" t="s">
        <v>400</v>
      </c>
      <c r="F135" s="8">
        <v>0</v>
      </c>
      <c r="G135" s="5" t="s">
        <v>330</v>
      </c>
      <c r="H135" s="6" t="s">
        <v>401</v>
      </c>
      <c r="I135" s="9">
        <v>7020005007404</v>
      </c>
      <c r="K135" s="11">
        <v>0</v>
      </c>
      <c r="L135" s="11">
        <v>0</v>
      </c>
    </row>
    <row r="136" spans="1:12" ht="21.75" customHeight="1" x14ac:dyDescent="0.2">
      <c r="A136" s="5">
        <v>135</v>
      </c>
      <c r="B136" s="16" t="s">
        <v>50</v>
      </c>
      <c r="C136" s="6" t="s">
        <v>88</v>
      </c>
      <c r="D136" s="7" t="s">
        <v>402</v>
      </c>
      <c r="E136" s="18" t="s">
        <v>403</v>
      </c>
      <c r="F136" s="8">
        <v>0</v>
      </c>
      <c r="G136" s="5" t="s">
        <v>330</v>
      </c>
      <c r="H136" s="6" t="s">
        <v>404</v>
      </c>
      <c r="I136" s="9">
        <v>8020005007403</v>
      </c>
      <c r="K136" s="11">
        <v>0</v>
      </c>
      <c r="L136" s="11">
        <v>0</v>
      </c>
    </row>
    <row r="137" spans="1:12" ht="21.75" customHeight="1" x14ac:dyDescent="0.2">
      <c r="A137" s="5">
        <v>136</v>
      </c>
      <c r="B137" s="16" t="s">
        <v>50</v>
      </c>
      <c r="C137" s="6" t="s">
        <v>88</v>
      </c>
      <c r="D137" s="7" t="s">
        <v>405</v>
      </c>
      <c r="E137" s="18" t="s">
        <v>406</v>
      </c>
      <c r="F137" s="8">
        <v>0</v>
      </c>
      <c r="G137" s="5" t="s">
        <v>330</v>
      </c>
      <c r="H137" s="6" t="s">
        <v>407</v>
      </c>
      <c r="I137" s="9">
        <v>8020005007460</v>
      </c>
      <c r="K137" s="11">
        <v>0</v>
      </c>
      <c r="L137" s="11">
        <v>0</v>
      </c>
    </row>
    <row r="138" spans="1:12" ht="21.75" customHeight="1" x14ac:dyDescent="0.2">
      <c r="A138" s="5">
        <v>137</v>
      </c>
      <c r="B138" s="16" t="s">
        <v>50</v>
      </c>
      <c r="C138" s="6" t="s">
        <v>88</v>
      </c>
      <c r="D138" s="7" t="s">
        <v>408</v>
      </c>
      <c r="E138" s="18" t="s">
        <v>409</v>
      </c>
      <c r="F138" s="8">
        <v>0</v>
      </c>
      <c r="G138" s="5" t="s">
        <v>330</v>
      </c>
      <c r="H138" s="6" t="s">
        <v>410</v>
      </c>
      <c r="I138" s="9">
        <v>7020005007478</v>
      </c>
      <c r="K138" s="11">
        <v>0</v>
      </c>
      <c r="L138" s="11">
        <v>0</v>
      </c>
    </row>
    <row r="139" spans="1:12" ht="21.75" customHeight="1" x14ac:dyDescent="0.2">
      <c r="A139" s="5">
        <v>138</v>
      </c>
      <c r="B139" s="16" t="s">
        <v>50</v>
      </c>
      <c r="C139" s="6" t="s">
        <v>411</v>
      </c>
      <c r="D139" s="7" t="s">
        <v>412</v>
      </c>
      <c r="E139" s="18" t="s">
        <v>413</v>
      </c>
      <c r="F139" s="8">
        <v>0</v>
      </c>
      <c r="G139" s="5" t="s">
        <v>330</v>
      </c>
      <c r="H139" s="6" t="s">
        <v>414</v>
      </c>
      <c r="I139" s="9">
        <v>2020005007375</v>
      </c>
      <c r="K139" s="11">
        <v>0</v>
      </c>
      <c r="L139" s="11">
        <v>0</v>
      </c>
    </row>
    <row r="140" spans="1:12" ht="21.75" customHeight="1" x14ac:dyDescent="0.2">
      <c r="A140" s="5">
        <v>139</v>
      </c>
      <c r="B140" s="16" t="s">
        <v>50</v>
      </c>
      <c r="C140" s="6" t="s">
        <v>104</v>
      </c>
      <c r="D140" s="7" t="s">
        <v>415</v>
      </c>
      <c r="E140" s="18" t="s">
        <v>416</v>
      </c>
      <c r="F140" s="8">
        <v>0</v>
      </c>
      <c r="G140" s="5" t="s">
        <v>330</v>
      </c>
      <c r="H140" s="6" t="s">
        <v>417</v>
      </c>
      <c r="I140" s="9">
        <v>5020005007348</v>
      </c>
      <c r="K140" s="11">
        <v>0</v>
      </c>
      <c r="L140" s="11">
        <v>0</v>
      </c>
    </row>
    <row r="141" spans="1:12" ht="21.75" customHeight="1" x14ac:dyDescent="0.2">
      <c r="A141" s="5">
        <v>140</v>
      </c>
      <c r="B141" s="16" t="s">
        <v>50</v>
      </c>
      <c r="C141" s="6" t="s">
        <v>104</v>
      </c>
      <c r="D141" s="7" t="s">
        <v>418</v>
      </c>
      <c r="E141" s="18" t="s">
        <v>419</v>
      </c>
      <c r="F141" s="8">
        <v>0</v>
      </c>
      <c r="G141" s="5" t="s">
        <v>330</v>
      </c>
      <c r="H141" s="6" t="s">
        <v>420</v>
      </c>
      <c r="I141" s="9">
        <v>6020005007347</v>
      </c>
      <c r="K141" s="11">
        <v>0</v>
      </c>
      <c r="L141" s="11">
        <v>0</v>
      </c>
    </row>
    <row r="142" spans="1:12" ht="21.75" customHeight="1" x14ac:dyDescent="0.2">
      <c r="A142" s="5">
        <v>141</v>
      </c>
      <c r="B142" s="16" t="s">
        <v>50</v>
      </c>
      <c r="C142" s="6" t="s">
        <v>104</v>
      </c>
      <c r="D142" s="7" t="s">
        <v>421</v>
      </c>
      <c r="E142" s="18" t="s">
        <v>422</v>
      </c>
      <c r="F142" s="8">
        <v>0</v>
      </c>
      <c r="G142" s="5" t="s">
        <v>330</v>
      </c>
      <c r="H142" s="6" t="s">
        <v>423</v>
      </c>
      <c r="I142" s="9">
        <v>3020005007218</v>
      </c>
      <c r="K142" s="11">
        <v>0</v>
      </c>
      <c r="L142" s="11">
        <v>0</v>
      </c>
    </row>
    <row r="143" spans="1:12" ht="21.75" customHeight="1" x14ac:dyDescent="0.2">
      <c r="A143" s="5">
        <v>142</v>
      </c>
      <c r="B143" s="16" t="s">
        <v>50</v>
      </c>
      <c r="C143" s="6" t="s">
        <v>114</v>
      </c>
      <c r="D143" s="7" t="s">
        <v>424</v>
      </c>
      <c r="E143" s="18" t="s">
        <v>425</v>
      </c>
      <c r="F143" s="8">
        <v>0</v>
      </c>
      <c r="G143" s="5" t="s">
        <v>330</v>
      </c>
      <c r="H143" s="6" t="s">
        <v>426</v>
      </c>
      <c r="I143" s="9">
        <v>7020005007263</v>
      </c>
      <c r="K143" s="11">
        <v>0</v>
      </c>
      <c r="L143" s="11">
        <v>0</v>
      </c>
    </row>
    <row r="144" spans="1:12" ht="21.75" customHeight="1" x14ac:dyDescent="0.2">
      <c r="A144" s="5">
        <v>143</v>
      </c>
      <c r="B144" s="16" t="s">
        <v>50</v>
      </c>
      <c r="C144" s="6" t="s">
        <v>124</v>
      </c>
      <c r="D144" s="7" t="s">
        <v>427</v>
      </c>
      <c r="E144" s="18" t="s">
        <v>428</v>
      </c>
      <c r="F144" s="8">
        <v>0</v>
      </c>
      <c r="G144" s="5" t="s">
        <v>330</v>
      </c>
      <c r="H144" s="6" t="s">
        <v>429</v>
      </c>
      <c r="I144" s="9">
        <v>7020005007271</v>
      </c>
      <c r="K144" s="11">
        <v>0</v>
      </c>
      <c r="L144" s="11">
        <v>0</v>
      </c>
    </row>
    <row r="145" spans="1:12" ht="21.75" customHeight="1" x14ac:dyDescent="0.2">
      <c r="A145" s="5">
        <v>144</v>
      </c>
      <c r="B145" s="16" t="s">
        <v>50</v>
      </c>
      <c r="C145" s="6" t="s">
        <v>430</v>
      </c>
      <c r="D145" s="7" t="s">
        <v>431</v>
      </c>
      <c r="E145" s="18" t="s">
        <v>432</v>
      </c>
      <c r="F145" s="8">
        <v>0</v>
      </c>
      <c r="G145" s="5" t="s">
        <v>330</v>
      </c>
      <c r="H145" s="6" t="s">
        <v>433</v>
      </c>
      <c r="I145" s="9">
        <v>7020005007486</v>
      </c>
      <c r="K145" s="11">
        <v>0</v>
      </c>
      <c r="L145" s="11">
        <v>0</v>
      </c>
    </row>
    <row r="146" spans="1:12" ht="21.75" customHeight="1" x14ac:dyDescent="0.2">
      <c r="A146" s="5">
        <v>145</v>
      </c>
      <c r="B146" s="16" t="s">
        <v>50</v>
      </c>
      <c r="C146" s="6" t="s">
        <v>128</v>
      </c>
      <c r="D146" s="7" t="s">
        <v>434</v>
      </c>
      <c r="E146" s="18" t="s">
        <v>435</v>
      </c>
      <c r="F146" s="8">
        <v>0</v>
      </c>
      <c r="G146" s="5" t="s">
        <v>330</v>
      </c>
      <c r="H146" s="6" t="s">
        <v>436</v>
      </c>
      <c r="I146" s="9">
        <v>9020005007204</v>
      </c>
      <c r="K146" s="11">
        <v>0</v>
      </c>
      <c r="L146" s="11">
        <v>0</v>
      </c>
    </row>
    <row r="147" spans="1:12" ht="21.75" customHeight="1" x14ac:dyDescent="0.2">
      <c r="A147" s="5">
        <v>146</v>
      </c>
      <c r="B147" s="16" t="s">
        <v>50</v>
      </c>
      <c r="C147" s="6" t="s">
        <v>128</v>
      </c>
      <c r="D147" s="7" t="s">
        <v>437</v>
      </c>
      <c r="E147" s="18" t="s">
        <v>435</v>
      </c>
      <c r="F147" s="8">
        <v>0</v>
      </c>
      <c r="G147" s="5" t="s">
        <v>330</v>
      </c>
      <c r="H147" s="6" t="s">
        <v>438</v>
      </c>
      <c r="I147" s="9">
        <v>7020005007362</v>
      </c>
      <c r="K147" s="11">
        <v>0</v>
      </c>
      <c r="L147" s="11">
        <v>0</v>
      </c>
    </row>
    <row r="148" spans="1:12" ht="21.75" customHeight="1" x14ac:dyDescent="0.2">
      <c r="A148" s="5">
        <v>147</v>
      </c>
      <c r="B148" s="16" t="s">
        <v>50</v>
      </c>
      <c r="C148" s="6" t="s">
        <v>128</v>
      </c>
      <c r="D148" s="7" t="s">
        <v>439</v>
      </c>
      <c r="E148" s="18" t="s">
        <v>440</v>
      </c>
      <c r="F148" s="8">
        <v>0</v>
      </c>
      <c r="G148" s="5" t="s">
        <v>330</v>
      </c>
      <c r="H148" s="6" t="s">
        <v>441</v>
      </c>
      <c r="I148" s="9">
        <v>5020005007364</v>
      </c>
      <c r="K148" s="11">
        <v>0</v>
      </c>
      <c r="L148" s="11">
        <v>0</v>
      </c>
    </row>
    <row r="149" spans="1:12" ht="21.75" customHeight="1" x14ac:dyDescent="0.2">
      <c r="A149" s="5">
        <v>148</v>
      </c>
      <c r="B149" s="16" t="s">
        <v>50</v>
      </c>
      <c r="C149" s="6" t="s">
        <v>128</v>
      </c>
      <c r="D149" s="7" t="s">
        <v>442</v>
      </c>
      <c r="E149" s="18" t="s">
        <v>443</v>
      </c>
      <c r="F149" s="8">
        <v>0</v>
      </c>
      <c r="G149" s="5" t="s">
        <v>330</v>
      </c>
      <c r="H149" s="6" t="s">
        <v>444</v>
      </c>
      <c r="I149" s="9">
        <v>4020005007373</v>
      </c>
      <c r="K149" s="11">
        <v>0</v>
      </c>
      <c r="L149" s="11">
        <v>0</v>
      </c>
    </row>
    <row r="150" spans="1:12" ht="21.75" customHeight="1" x14ac:dyDescent="0.2">
      <c r="A150" s="5">
        <v>149</v>
      </c>
      <c r="B150" s="16" t="s">
        <v>50</v>
      </c>
      <c r="C150" s="6" t="s">
        <v>135</v>
      </c>
      <c r="D150" s="7" t="s">
        <v>445</v>
      </c>
      <c r="E150" s="18" t="s">
        <v>446</v>
      </c>
      <c r="F150" s="8">
        <v>0</v>
      </c>
      <c r="G150" s="5" t="s">
        <v>330</v>
      </c>
      <c r="H150" s="6" t="s">
        <v>447</v>
      </c>
      <c r="I150" s="9">
        <v>9020005007410</v>
      </c>
      <c r="K150" s="11">
        <v>0</v>
      </c>
      <c r="L150" s="11">
        <v>0</v>
      </c>
    </row>
    <row r="151" spans="1:12" ht="21.75" customHeight="1" x14ac:dyDescent="0.2">
      <c r="A151" s="5">
        <v>150</v>
      </c>
      <c r="B151" s="16" t="s">
        <v>50</v>
      </c>
      <c r="C151" s="6" t="s">
        <v>135</v>
      </c>
      <c r="D151" s="7" t="s">
        <v>448</v>
      </c>
      <c r="E151" s="18" t="s">
        <v>449</v>
      </c>
      <c r="F151" s="8">
        <v>0</v>
      </c>
      <c r="G151" s="5" t="s">
        <v>330</v>
      </c>
      <c r="H151" s="6" t="s">
        <v>450</v>
      </c>
      <c r="I151" s="9">
        <v>2020005007409</v>
      </c>
      <c r="K151" s="11">
        <v>0</v>
      </c>
      <c r="L151" s="11">
        <v>0</v>
      </c>
    </row>
    <row r="152" spans="1:12" ht="21.75" customHeight="1" x14ac:dyDescent="0.2">
      <c r="A152" s="5">
        <v>151</v>
      </c>
      <c r="B152" s="16" t="s">
        <v>50</v>
      </c>
      <c r="C152" s="6" t="s">
        <v>135</v>
      </c>
      <c r="D152" s="7" t="s">
        <v>451</v>
      </c>
      <c r="E152" s="18" t="s">
        <v>452</v>
      </c>
      <c r="F152" s="8">
        <v>0</v>
      </c>
      <c r="G152" s="5" t="s">
        <v>330</v>
      </c>
      <c r="H152" s="6" t="s">
        <v>453</v>
      </c>
      <c r="I152" s="9">
        <v>4020005007456</v>
      </c>
      <c r="K152" s="11">
        <v>0</v>
      </c>
      <c r="L152" s="11">
        <v>0</v>
      </c>
    </row>
    <row r="153" spans="1:12" ht="21.75" customHeight="1" x14ac:dyDescent="0.2">
      <c r="A153" s="5">
        <v>152</v>
      </c>
      <c r="B153" s="16" t="s">
        <v>50</v>
      </c>
      <c r="C153" s="6" t="s">
        <v>135</v>
      </c>
      <c r="D153" s="7" t="s">
        <v>454</v>
      </c>
      <c r="E153" s="18" t="s">
        <v>455</v>
      </c>
      <c r="F153" s="8">
        <v>0</v>
      </c>
      <c r="G153" s="5" t="s">
        <v>330</v>
      </c>
      <c r="H153" s="6" t="s">
        <v>456</v>
      </c>
      <c r="I153" s="9">
        <v>9020005007468</v>
      </c>
      <c r="K153" s="11">
        <v>0</v>
      </c>
      <c r="L153" s="11">
        <v>0</v>
      </c>
    </row>
    <row r="154" spans="1:12" ht="21.75" customHeight="1" x14ac:dyDescent="0.2">
      <c r="A154" s="5">
        <v>153</v>
      </c>
      <c r="B154" s="16" t="s">
        <v>50</v>
      </c>
      <c r="C154" s="6" t="s">
        <v>457</v>
      </c>
      <c r="D154" s="7" t="s">
        <v>458</v>
      </c>
      <c r="E154" s="18" t="s">
        <v>459</v>
      </c>
      <c r="F154" s="8">
        <v>0</v>
      </c>
      <c r="G154" s="5" t="s">
        <v>330</v>
      </c>
      <c r="H154" s="6" t="s">
        <v>460</v>
      </c>
      <c r="I154" s="9">
        <v>2020005007326</v>
      </c>
      <c r="K154" s="11">
        <v>0</v>
      </c>
      <c r="L154" s="11">
        <v>0</v>
      </c>
    </row>
    <row r="155" spans="1:12" ht="21.75" customHeight="1" x14ac:dyDescent="0.2">
      <c r="A155" s="5">
        <v>154</v>
      </c>
      <c r="B155" s="16" t="s">
        <v>50</v>
      </c>
      <c r="C155" s="6" t="s">
        <v>142</v>
      </c>
      <c r="D155" s="7" t="s">
        <v>461</v>
      </c>
      <c r="E155" s="18" t="s">
        <v>462</v>
      </c>
      <c r="F155" s="8">
        <v>0</v>
      </c>
      <c r="G155" s="5" t="s">
        <v>330</v>
      </c>
      <c r="H155" s="6" t="s">
        <v>463</v>
      </c>
      <c r="I155" s="9">
        <v>9020005007278</v>
      </c>
      <c r="K155" s="11">
        <v>0</v>
      </c>
      <c r="L155" s="11">
        <v>0</v>
      </c>
    </row>
    <row r="156" spans="1:12" ht="21.75" customHeight="1" x14ac:dyDescent="0.2">
      <c r="A156" s="5">
        <v>155</v>
      </c>
      <c r="B156" s="16" t="s">
        <v>50</v>
      </c>
      <c r="C156" s="6" t="s">
        <v>464</v>
      </c>
      <c r="D156" s="7" t="s">
        <v>465</v>
      </c>
      <c r="E156" s="18" t="s">
        <v>466</v>
      </c>
      <c r="F156" s="8">
        <v>0</v>
      </c>
      <c r="G156" s="5" t="s">
        <v>330</v>
      </c>
      <c r="H156" s="6" t="s">
        <v>467</v>
      </c>
      <c r="I156" s="9">
        <v>7020005007420</v>
      </c>
      <c r="K156" s="11">
        <v>0</v>
      </c>
      <c r="L156" s="11">
        <v>0</v>
      </c>
    </row>
    <row r="157" spans="1:12" ht="21.75" customHeight="1" x14ac:dyDescent="0.2">
      <c r="A157" s="5">
        <v>156</v>
      </c>
      <c r="B157" s="16" t="s">
        <v>949</v>
      </c>
      <c r="C157" s="6" t="s">
        <v>150</v>
      </c>
      <c r="D157" s="7" t="s">
        <v>468</v>
      </c>
      <c r="E157" s="18" t="s">
        <v>469</v>
      </c>
      <c r="F157" s="8">
        <v>0</v>
      </c>
      <c r="G157" s="5" t="s">
        <v>330</v>
      </c>
      <c r="H157" s="6" t="s">
        <v>470</v>
      </c>
      <c r="I157" s="9">
        <v>5020005007414</v>
      </c>
      <c r="K157" s="11">
        <v>0</v>
      </c>
      <c r="L157" s="11">
        <v>0</v>
      </c>
    </row>
    <row r="158" spans="1:12" ht="21.75" customHeight="1" x14ac:dyDescent="0.2">
      <c r="A158" s="5">
        <v>157</v>
      </c>
      <c r="B158" s="16" t="s">
        <v>949</v>
      </c>
      <c r="C158" s="6" t="s">
        <v>150</v>
      </c>
      <c r="D158" s="7" t="s">
        <v>471</v>
      </c>
      <c r="E158" s="18" t="s">
        <v>472</v>
      </c>
      <c r="F158" s="8">
        <v>0</v>
      </c>
      <c r="G158" s="5" t="s">
        <v>330</v>
      </c>
      <c r="H158" s="6" t="s">
        <v>473</v>
      </c>
      <c r="I158" s="9">
        <v>4020005007423</v>
      </c>
      <c r="K158" s="11">
        <v>0</v>
      </c>
      <c r="L158" s="11">
        <v>0</v>
      </c>
    </row>
    <row r="159" spans="1:12" ht="21.75" customHeight="1" x14ac:dyDescent="0.2">
      <c r="A159" s="5">
        <v>158</v>
      </c>
      <c r="B159" s="16" t="s">
        <v>949</v>
      </c>
      <c r="C159" s="6" t="s">
        <v>150</v>
      </c>
      <c r="D159" s="7" t="s">
        <v>474</v>
      </c>
      <c r="E159" s="18" t="s">
        <v>475</v>
      </c>
      <c r="F159" s="8">
        <v>0</v>
      </c>
      <c r="G159" s="5" t="s">
        <v>330</v>
      </c>
      <c r="H159" s="6" t="s">
        <v>476</v>
      </c>
      <c r="I159" s="9">
        <v>5020005007430</v>
      </c>
      <c r="K159" s="11">
        <v>0</v>
      </c>
      <c r="L159" s="11">
        <v>0</v>
      </c>
    </row>
    <row r="160" spans="1:12" ht="21.75" customHeight="1" x14ac:dyDescent="0.2">
      <c r="A160" s="5">
        <v>159</v>
      </c>
      <c r="B160" s="16" t="s">
        <v>949</v>
      </c>
      <c r="C160" s="6" t="s">
        <v>477</v>
      </c>
      <c r="D160" s="7" t="s">
        <v>478</v>
      </c>
      <c r="E160" s="18" t="s">
        <v>479</v>
      </c>
      <c r="F160" s="8">
        <v>0</v>
      </c>
      <c r="G160" s="5" t="s">
        <v>330</v>
      </c>
      <c r="H160" s="6" t="s">
        <v>480</v>
      </c>
      <c r="I160" s="9">
        <v>1020005007244</v>
      </c>
      <c r="K160" s="11">
        <v>0</v>
      </c>
      <c r="L160" s="11">
        <v>0</v>
      </c>
    </row>
    <row r="161" spans="1:12" ht="21.75" customHeight="1" x14ac:dyDescent="0.2">
      <c r="A161" s="5">
        <v>160</v>
      </c>
      <c r="B161" s="16" t="s">
        <v>174</v>
      </c>
      <c r="C161" s="6" t="s">
        <v>175</v>
      </c>
      <c r="D161" s="7" t="s">
        <v>481</v>
      </c>
      <c r="E161" s="18" t="s">
        <v>482</v>
      </c>
      <c r="F161" s="8">
        <v>0</v>
      </c>
      <c r="G161" s="5" t="s">
        <v>330</v>
      </c>
      <c r="H161" s="6" t="s">
        <v>483</v>
      </c>
      <c r="I161" s="9">
        <v>7020005007164</v>
      </c>
      <c r="K161" s="11">
        <v>0</v>
      </c>
      <c r="L161" s="11">
        <v>0</v>
      </c>
    </row>
    <row r="162" spans="1:12" ht="21.75" customHeight="1" x14ac:dyDescent="0.2">
      <c r="A162" s="5">
        <v>161</v>
      </c>
      <c r="B162" s="16" t="s">
        <v>174</v>
      </c>
      <c r="C162" s="6" t="s">
        <v>175</v>
      </c>
      <c r="D162" s="7" t="s">
        <v>484</v>
      </c>
      <c r="E162" s="18" t="s">
        <v>485</v>
      </c>
      <c r="F162" s="8">
        <v>0</v>
      </c>
      <c r="G162" s="5" t="s">
        <v>330</v>
      </c>
      <c r="H162" s="6" t="s">
        <v>486</v>
      </c>
      <c r="I162" s="9">
        <v>7020005007180</v>
      </c>
      <c r="K162" s="11">
        <v>0</v>
      </c>
      <c r="L162" s="11">
        <v>0</v>
      </c>
    </row>
    <row r="163" spans="1:12" ht="21.75" customHeight="1" x14ac:dyDescent="0.2">
      <c r="A163" s="5">
        <v>162</v>
      </c>
      <c r="B163" s="16" t="s">
        <v>174</v>
      </c>
      <c r="C163" s="6" t="s">
        <v>175</v>
      </c>
      <c r="D163" s="7" t="s">
        <v>487</v>
      </c>
      <c r="E163" s="18" t="s">
        <v>488</v>
      </c>
      <c r="F163" s="8">
        <v>0</v>
      </c>
      <c r="G163" s="5" t="s">
        <v>330</v>
      </c>
      <c r="H163" s="6" t="s">
        <v>489</v>
      </c>
      <c r="I163" s="9">
        <v>4020005007191</v>
      </c>
      <c r="K163" s="11">
        <v>0</v>
      </c>
      <c r="L163" s="11">
        <v>0</v>
      </c>
    </row>
    <row r="164" spans="1:12" ht="21.75" customHeight="1" x14ac:dyDescent="0.2">
      <c r="A164" s="5">
        <v>163</v>
      </c>
      <c r="B164" s="16" t="s">
        <v>174</v>
      </c>
      <c r="C164" s="6" t="s">
        <v>175</v>
      </c>
      <c r="D164" s="7" t="s">
        <v>490</v>
      </c>
      <c r="E164" s="18" t="s">
        <v>491</v>
      </c>
      <c r="F164" s="8">
        <v>0</v>
      </c>
      <c r="G164" s="5" t="s">
        <v>330</v>
      </c>
      <c r="H164" s="6" t="s">
        <v>492</v>
      </c>
      <c r="I164" s="9">
        <v>8020005007163</v>
      </c>
      <c r="K164" s="11">
        <v>0</v>
      </c>
      <c r="L164" s="11">
        <v>0</v>
      </c>
    </row>
    <row r="165" spans="1:12" ht="21.75" customHeight="1" x14ac:dyDescent="0.2">
      <c r="A165" s="5">
        <v>164</v>
      </c>
      <c r="B165" s="16" t="s">
        <v>174</v>
      </c>
      <c r="C165" s="6" t="s">
        <v>175</v>
      </c>
      <c r="D165" s="7" t="s">
        <v>493</v>
      </c>
      <c r="E165" s="18" t="s">
        <v>494</v>
      </c>
      <c r="F165" s="8">
        <v>0</v>
      </c>
      <c r="G165" s="5" t="s">
        <v>330</v>
      </c>
      <c r="H165" s="6" t="s">
        <v>495</v>
      </c>
      <c r="I165" s="9">
        <v>6020005007165</v>
      </c>
      <c r="K165" s="11">
        <v>0</v>
      </c>
      <c r="L165" s="11">
        <v>0</v>
      </c>
    </row>
    <row r="166" spans="1:12" ht="21.75" customHeight="1" x14ac:dyDescent="0.2">
      <c r="A166" s="5">
        <v>165</v>
      </c>
      <c r="B166" s="16" t="s">
        <v>174</v>
      </c>
      <c r="C166" s="6" t="s">
        <v>175</v>
      </c>
      <c r="D166" s="7" t="s">
        <v>496</v>
      </c>
      <c r="E166" s="18" t="s">
        <v>497</v>
      </c>
      <c r="F166" s="8">
        <v>0</v>
      </c>
      <c r="G166" s="5" t="s">
        <v>330</v>
      </c>
      <c r="H166" s="6" t="s">
        <v>498</v>
      </c>
      <c r="I166" s="9">
        <v>4020005007183</v>
      </c>
      <c r="K166" s="11">
        <v>0</v>
      </c>
      <c r="L166" s="11">
        <v>0</v>
      </c>
    </row>
    <row r="167" spans="1:12" ht="21.75" customHeight="1" x14ac:dyDescent="0.2">
      <c r="A167" s="5">
        <v>166</v>
      </c>
      <c r="B167" s="16" t="s">
        <v>12</v>
      </c>
      <c r="C167" s="6" t="s">
        <v>13</v>
      </c>
      <c r="D167" s="7" t="s">
        <v>499</v>
      </c>
      <c r="E167" s="18" t="s">
        <v>500</v>
      </c>
      <c r="F167" s="8">
        <v>0</v>
      </c>
      <c r="G167" s="5" t="s">
        <v>501</v>
      </c>
      <c r="H167" s="6" t="s">
        <v>502</v>
      </c>
      <c r="I167" s="9">
        <v>4020005007200</v>
      </c>
      <c r="K167" s="11">
        <v>0</v>
      </c>
      <c r="L167" s="11">
        <v>0</v>
      </c>
    </row>
    <row r="168" spans="1:12" ht="21.75" customHeight="1" x14ac:dyDescent="0.2">
      <c r="A168" s="5">
        <v>167</v>
      </c>
      <c r="B168" s="16" t="s">
        <v>12</v>
      </c>
      <c r="C168" s="6" t="s">
        <v>13</v>
      </c>
      <c r="D168" s="7" t="s">
        <v>503</v>
      </c>
      <c r="E168" s="18" t="s">
        <v>504</v>
      </c>
      <c r="F168" s="8">
        <v>0</v>
      </c>
      <c r="G168" s="5" t="s">
        <v>501</v>
      </c>
      <c r="H168" s="6" t="s">
        <v>505</v>
      </c>
      <c r="I168" s="9">
        <v>7020005007222</v>
      </c>
      <c r="K168" s="11">
        <v>0</v>
      </c>
      <c r="L168" s="11">
        <v>0</v>
      </c>
    </row>
    <row r="169" spans="1:12" ht="21.75" customHeight="1" x14ac:dyDescent="0.2">
      <c r="A169" s="5">
        <v>168</v>
      </c>
      <c r="B169" s="16" t="s">
        <v>12</v>
      </c>
      <c r="C169" s="6" t="s">
        <v>13</v>
      </c>
      <c r="D169" s="7" t="s">
        <v>506</v>
      </c>
      <c r="E169" s="18" t="s">
        <v>344</v>
      </c>
      <c r="F169" s="8">
        <v>0</v>
      </c>
      <c r="G169" s="5" t="s">
        <v>501</v>
      </c>
      <c r="H169" s="6" t="s">
        <v>507</v>
      </c>
      <c r="I169" s="9">
        <v>6020005007446</v>
      </c>
      <c r="K169" s="11">
        <v>0</v>
      </c>
      <c r="L169" s="11">
        <v>0</v>
      </c>
    </row>
    <row r="170" spans="1:12" ht="21.75" customHeight="1" x14ac:dyDescent="0.2">
      <c r="A170" s="5">
        <v>169</v>
      </c>
      <c r="B170" s="16" t="s">
        <v>12</v>
      </c>
      <c r="C170" s="6" t="s">
        <v>13</v>
      </c>
      <c r="D170" s="7" t="s">
        <v>213</v>
      </c>
      <c r="E170" s="18" t="s">
        <v>214</v>
      </c>
      <c r="F170" s="8">
        <v>0</v>
      </c>
      <c r="G170" s="5" t="s">
        <v>501</v>
      </c>
      <c r="H170" s="6" t="s">
        <v>508</v>
      </c>
      <c r="I170" s="9">
        <v>7020005007255</v>
      </c>
      <c r="K170" s="11">
        <v>0</v>
      </c>
      <c r="L170" s="11">
        <v>0</v>
      </c>
    </row>
    <row r="171" spans="1:12" ht="21.75" customHeight="1" x14ac:dyDescent="0.2">
      <c r="A171" s="5">
        <v>170</v>
      </c>
      <c r="B171" s="16" t="s">
        <v>12</v>
      </c>
      <c r="C171" s="6" t="s">
        <v>13</v>
      </c>
      <c r="D171" s="7" t="s">
        <v>509</v>
      </c>
      <c r="E171" s="18" t="s">
        <v>504</v>
      </c>
      <c r="F171" s="8">
        <v>0</v>
      </c>
      <c r="G171" s="5" t="s">
        <v>501</v>
      </c>
      <c r="H171" s="6" t="s">
        <v>510</v>
      </c>
      <c r="I171" s="9">
        <v>3020005007325</v>
      </c>
      <c r="K171" s="11">
        <v>0</v>
      </c>
      <c r="L171" s="11">
        <v>0</v>
      </c>
    </row>
    <row r="172" spans="1:12" ht="21.75" customHeight="1" x14ac:dyDescent="0.2">
      <c r="A172" s="5">
        <v>171</v>
      </c>
      <c r="B172" s="16" t="s">
        <v>12</v>
      </c>
      <c r="C172" s="6" t="s">
        <v>13</v>
      </c>
      <c r="D172" s="7" t="s">
        <v>511</v>
      </c>
      <c r="E172" s="18" t="s">
        <v>512</v>
      </c>
      <c r="F172" s="8">
        <v>0</v>
      </c>
      <c r="G172" s="5" t="s">
        <v>501</v>
      </c>
      <c r="H172" s="6" t="s">
        <v>513</v>
      </c>
      <c r="I172" s="9">
        <v>3020005007333</v>
      </c>
      <c r="K172" s="11">
        <v>0</v>
      </c>
      <c r="L172" s="11">
        <v>0</v>
      </c>
    </row>
    <row r="173" spans="1:12" ht="21.75" customHeight="1" x14ac:dyDescent="0.2">
      <c r="A173" s="5">
        <v>172</v>
      </c>
      <c r="B173" s="16" t="s">
        <v>12</v>
      </c>
      <c r="C173" s="6" t="s">
        <v>13</v>
      </c>
      <c r="D173" s="7" t="s">
        <v>514</v>
      </c>
      <c r="E173" s="18" t="s">
        <v>500</v>
      </c>
      <c r="F173" s="8">
        <v>0</v>
      </c>
      <c r="G173" s="5" t="s">
        <v>501</v>
      </c>
      <c r="H173" s="6" t="s">
        <v>515</v>
      </c>
      <c r="I173" s="9">
        <v>8020005007295</v>
      </c>
      <c r="K173" s="11">
        <v>0</v>
      </c>
      <c r="L173" s="11">
        <v>0</v>
      </c>
    </row>
    <row r="174" spans="1:12" ht="21.75" customHeight="1" x14ac:dyDescent="0.2">
      <c r="A174" s="5">
        <v>173</v>
      </c>
      <c r="B174" s="16" t="s">
        <v>12</v>
      </c>
      <c r="C174" s="6" t="s">
        <v>13</v>
      </c>
      <c r="D174" s="7" t="s">
        <v>28</v>
      </c>
      <c r="E174" s="18" t="s">
        <v>500</v>
      </c>
      <c r="F174" s="8">
        <v>0</v>
      </c>
      <c r="G174" s="5" t="s">
        <v>501</v>
      </c>
      <c r="H174" s="6" t="s">
        <v>516</v>
      </c>
      <c r="I174" s="9">
        <v>2020005007292</v>
      </c>
      <c r="K174" s="11">
        <v>0</v>
      </c>
      <c r="L174" s="11">
        <v>0</v>
      </c>
    </row>
    <row r="175" spans="1:12" ht="21.75" customHeight="1" x14ac:dyDescent="0.2">
      <c r="A175" s="5">
        <v>174</v>
      </c>
      <c r="B175" s="16" t="s">
        <v>12</v>
      </c>
      <c r="C175" s="6" t="s">
        <v>13</v>
      </c>
      <c r="D175" s="7" t="s">
        <v>28</v>
      </c>
      <c r="E175" s="18" t="s">
        <v>512</v>
      </c>
      <c r="F175" s="8">
        <v>0</v>
      </c>
      <c r="G175" s="5" t="s">
        <v>501</v>
      </c>
      <c r="H175" s="6" t="s">
        <v>517</v>
      </c>
      <c r="I175" s="9">
        <v>6020005007289</v>
      </c>
      <c r="K175" s="11">
        <v>0</v>
      </c>
      <c r="L175" s="11">
        <v>0</v>
      </c>
    </row>
    <row r="176" spans="1:12" ht="21.75" customHeight="1" x14ac:dyDescent="0.2">
      <c r="A176" s="5">
        <v>175</v>
      </c>
      <c r="B176" s="16" t="s">
        <v>12</v>
      </c>
      <c r="C176" s="6" t="s">
        <v>13</v>
      </c>
      <c r="D176" s="7" t="s">
        <v>518</v>
      </c>
      <c r="E176" s="18" t="s">
        <v>512</v>
      </c>
      <c r="F176" s="8">
        <v>0</v>
      </c>
      <c r="G176" s="5" t="s">
        <v>501</v>
      </c>
      <c r="H176" s="6" t="s">
        <v>519</v>
      </c>
      <c r="I176" s="9">
        <v>8020005007337</v>
      </c>
      <c r="K176" s="11">
        <v>0</v>
      </c>
      <c r="L176" s="11">
        <v>0</v>
      </c>
    </row>
    <row r="177" spans="1:12" ht="21.75" customHeight="1" x14ac:dyDescent="0.2">
      <c r="A177" s="5">
        <v>176</v>
      </c>
      <c r="B177" s="16" t="s">
        <v>12</v>
      </c>
      <c r="C177" s="6" t="s">
        <v>13</v>
      </c>
      <c r="D177" s="7" t="s">
        <v>520</v>
      </c>
      <c r="E177" s="18" t="s">
        <v>521</v>
      </c>
      <c r="F177" s="8">
        <v>0</v>
      </c>
      <c r="G177" s="5" t="s">
        <v>501</v>
      </c>
      <c r="H177" s="6" t="s">
        <v>522</v>
      </c>
      <c r="I177" s="9">
        <v>9020005007344</v>
      </c>
      <c r="K177" s="11">
        <v>0</v>
      </c>
      <c r="L177" s="11">
        <v>0</v>
      </c>
    </row>
    <row r="178" spans="1:12" ht="21.75" customHeight="1" x14ac:dyDescent="0.2">
      <c r="A178" s="5">
        <v>177</v>
      </c>
      <c r="B178" s="16" t="s">
        <v>12</v>
      </c>
      <c r="C178" s="6" t="s">
        <v>13</v>
      </c>
      <c r="D178" s="7" t="s">
        <v>523</v>
      </c>
      <c r="E178" s="18" t="s">
        <v>214</v>
      </c>
      <c r="F178" s="8">
        <v>0</v>
      </c>
      <c r="G178" s="5" t="s">
        <v>501</v>
      </c>
      <c r="H178" s="6" t="s">
        <v>524</v>
      </c>
      <c r="I178" s="9">
        <v>5020005007372</v>
      </c>
      <c r="K178" s="11">
        <v>0</v>
      </c>
      <c r="L178" s="11">
        <v>0</v>
      </c>
    </row>
    <row r="179" spans="1:12" ht="21.75" customHeight="1" x14ac:dyDescent="0.2">
      <c r="A179" s="5">
        <v>178</v>
      </c>
      <c r="B179" s="16" t="s">
        <v>12</v>
      </c>
      <c r="C179" s="6" t="s">
        <v>13</v>
      </c>
      <c r="D179" s="7" t="s">
        <v>525</v>
      </c>
      <c r="E179" s="18" t="s">
        <v>512</v>
      </c>
      <c r="F179" s="8">
        <v>0</v>
      </c>
      <c r="G179" s="5" t="s">
        <v>501</v>
      </c>
      <c r="H179" s="6" t="s">
        <v>526</v>
      </c>
      <c r="I179" s="9">
        <v>8020005007386</v>
      </c>
      <c r="K179" s="11">
        <v>0</v>
      </c>
      <c r="L179" s="11">
        <v>0</v>
      </c>
    </row>
    <row r="180" spans="1:12" ht="21.75" customHeight="1" x14ac:dyDescent="0.2">
      <c r="A180" s="5">
        <v>179</v>
      </c>
      <c r="B180" s="16" t="s">
        <v>12</v>
      </c>
      <c r="C180" s="6" t="s">
        <v>13</v>
      </c>
      <c r="D180" s="7" t="s">
        <v>527</v>
      </c>
      <c r="E180" s="18" t="s">
        <v>528</v>
      </c>
      <c r="F180" s="8">
        <v>0</v>
      </c>
      <c r="G180" s="5" t="s">
        <v>501</v>
      </c>
      <c r="H180" s="6" t="s">
        <v>529</v>
      </c>
      <c r="I180" s="9">
        <v>3020005007390</v>
      </c>
      <c r="K180" s="11">
        <v>0</v>
      </c>
      <c r="L180" s="11">
        <v>0</v>
      </c>
    </row>
    <row r="181" spans="1:12" ht="21.75" customHeight="1" x14ac:dyDescent="0.2">
      <c r="A181" s="5">
        <v>180</v>
      </c>
      <c r="B181" s="16" t="s">
        <v>12</v>
      </c>
      <c r="C181" s="6" t="s">
        <v>13</v>
      </c>
      <c r="D181" s="7" t="s">
        <v>530</v>
      </c>
      <c r="E181" s="18" t="s">
        <v>512</v>
      </c>
      <c r="F181" s="8">
        <v>0</v>
      </c>
      <c r="G181" s="5" t="s">
        <v>501</v>
      </c>
      <c r="H181" s="6" t="s">
        <v>531</v>
      </c>
      <c r="I181" s="9">
        <v>8020005007444</v>
      </c>
      <c r="K181" s="11">
        <v>0</v>
      </c>
      <c r="L181" s="11">
        <v>0</v>
      </c>
    </row>
    <row r="182" spans="1:12" ht="21.75" customHeight="1" x14ac:dyDescent="0.2">
      <c r="A182" s="5">
        <v>181</v>
      </c>
      <c r="B182" s="16" t="s">
        <v>12</v>
      </c>
      <c r="C182" s="6" t="s">
        <v>13</v>
      </c>
      <c r="D182" s="7" t="s">
        <v>532</v>
      </c>
      <c r="E182" s="18" t="s">
        <v>344</v>
      </c>
      <c r="F182" s="8">
        <v>0</v>
      </c>
      <c r="G182" s="5" t="s">
        <v>501</v>
      </c>
      <c r="H182" s="6" t="s">
        <v>533</v>
      </c>
      <c r="I182" s="9">
        <v>5020005007447</v>
      </c>
      <c r="K182" s="11">
        <v>0</v>
      </c>
      <c r="L182" s="11">
        <v>0</v>
      </c>
    </row>
    <row r="183" spans="1:12" ht="21.75" customHeight="1" x14ac:dyDescent="0.2">
      <c r="A183" s="5">
        <v>182</v>
      </c>
      <c r="B183" s="16" t="s">
        <v>12</v>
      </c>
      <c r="C183" s="6" t="s">
        <v>13</v>
      </c>
      <c r="D183" s="7" t="s">
        <v>534</v>
      </c>
      <c r="E183" s="18" t="s">
        <v>344</v>
      </c>
      <c r="F183" s="8">
        <v>0</v>
      </c>
      <c r="G183" s="5" t="s">
        <v>501</v>
      </c>
      <c r="H183" s="6" t="s">
        <v>535</v>
      </c>
      <c r="I183" s="9">
        <v>1020005007450</v>
      </c>
      <c r="K183" s="11">
        <v>0</v>
      </c>
      <c r="L183" s="11">
        <v>0</v>
      </c>
    </row>
    <row r="184" spans="1:12" ht="21.75" customHeight="1" x14ac:dyDescent="0.2">
      <c r="A184" s="5">
        <v>183</v>
      </c>
      <c r="B184" s="16" t="s">
        <v>12</v>
      </c>
      <c r="C184" s="6" t="s">
        <v>13</v>
      </c>
      <c r="D184" s="7" t="s">
        <v>536</v>
      </c>
      <c r="E184" s="18" t="s">
        <v>344</v>
      </c>
      <c r="F184" s="8">
        <v>0</v>
      </c>
      <c r="G184" s="5" t="s">
        <v>501</v>
      </c>
      <c r="H184" s="6" t="s">
        <v>537</v>
      </c>
      <c r="I184" s="9">
        <v>1020005007475</v>
      </c>
      <c r="K184" s="11">
        <v>0</v>
      </c>
      <c r="L184" s="11">
        <v>0</v>
      </c>
    </row>
    <row r="185" spans="1:12" ht="21.75" customHeight="1" x14ac:dyDescent="0.2">
      <c r="A185" s="5">
        <v>184</v>
      </c>
      <c r="B185" s="16" t="s">
        <v>12</v>
      </c>
      <c r="C185" s="6" t="s">
        <v>13</v>
      </c>
      <c r="D185" s="7" t="s">
        <v>538</v>
      </c>
      <c r="E185" s="18" t="s">
        <v>344</v>
      </c>
      <c r="F185" s="8">
        <v>0</v>
      </c>
      <c r="G185" s="5" t="s">
        <v>501</v>
      </c>
      <c r="H185" s="6" t="s">
        <v>539</v>
      </c>
      <c r="I185" s="9">
        <v>5020005007471</v>
      </c>
      <c r="K185" s="11">
        <v>0</v>
      </c>
      <c r="L185" s="11">
        <v>0</v>
      </c>
    </row>
    <row r="186" spans="1:12" ht="21.75" customHeight="1" x14ac:dyDescent="0.2">
      <c r="A186" s="5">
        <v>185</v>
      </c>
      <c r="B186" s="16" t="s">
        <v>12</v>
      </c>
      <c r="C186" s="6" t="s">
        <v>13</v>
      </c>
      <c r="D186" s="7" t="s">
        <v>540</v>
      </c>
      <c r="E186" s="18" t="s">
        <v>214</v>
      </c>
      <c r="F186" s="8">
        <v>0</v>
      </c>
      <c r="G186" s="5" t="s">
        <v>501</v>
      </c>
      <c r="H186" s="6" t="s">
        <v>541</v>
      </c>
      <c r="I186" s="9">
        <v>1020005007442</v>
      </c>
      <c r="K186" s="11">
        <v>0</v>
      </c>
      <c r="L186" s="11">
        <v>0</v>
      </c>
    </row>
    <row r="187" spans="1:12" ht="21.75" customHeight="1" x14ac:dyDescent="0.2">
      <c r="A187" s="5">
        <v>186</v>
      </c>
      <c r="B187" s="16" t="s">
        <v>50</v>
      </c>
      <c r="C187" s="6" t="s">
        <v>51</v>
      </c>
      <c r="D187" s="7" t="s">
        <v>243</v>
      </c>
      <c r="E187" s="18" t="s">
        <v>542</v>
      </c>
      <c r="F187" s="8">
        <v>0</v>
      </c>
      <c r="G187" s="5" t="s">
        <v>501</v>
      </c>
      <c r="H187" s="6" t="s">
        <v>543</v>
      </c>
      <c r="I187" s="9">
        <v>4020005007225</v>
      </c>
      <c r="K187" s="11">
        <v>0</v>
      </c>
      <c r="L187" s="11">
        <v>0</v>
      </c>
    </row>
    <row r="188" spans="1:12" ht="21.75" customHeight="1" x14ac:dyDescent="0.2">
      <c r="A188" s="5">
        <v>187</v>
      </c>
      <c r="B188" s="16" t="s">
        <v>50</v>
      </c>
      <c r="C188" s="6" t="s">
        <v>51</v>
      </c>
      <c r="D188" s="7" t="s">
        <v>427</v>
      </c>
      <c r="E188" s="18" t="s">
        <v>544</v>
      </c>
      <c r="F188" s="8">
        <v>0</v>
      </c>
      <c r="G188" s="5" t="s">
        <v>501</v>
      </c>
      <c r="H188" s="6" t="s">
        <v>545</v>
      </c>
      <c r="I188" s="9">
        <v>6020005007272</v>
      </c>
      <c r="K188" s="11">
        <v>0</v>
      </c>
      <c r="L188" s="11">
        <v>0</v>
      </c>
    </row>
    <row r="189" spans="1:12" ht="21.75" customHeight="1" x14ac:dyDescent="0.2">
      <c r="A189" s="5">
        <v>188</v>
      </c>
      <c r="B189" s="16" t="s">
        <v>50</v>
      </c>
      <c r="C189" s="6" t="s">
        <v>51</v>
      </c>
      <c r="D189" s="7" t="s">
        <v>546</v>
      </c>
      <c r="E189" s="18" t="s">
        <v>547</v>
      </c>
      <c r="F189" s="8">
        <v>0</v>
      </c>
      <c r="G189" s="5" t="s">
        <v>501</v>
      </c>
      <c r="H189" s="6" t="s">
        <v>548</v>
      </c>
      <c r="I189" s="9">
        <v>2020005007367</v>
      </c>
      <c r="K189" s="11">
        <v>0</v>
      </c>
      <c r="L189" s="11">
        <v>0</v>
      </c>
    </row>
    <row r="190" spans="1:12" ht="21.75" customHeight="1" x14ac:dyDescent="0.2">
      <c r="A190" s="5">
        <v>189</v>
      </c>
      <c r="B190" s="16" t="s">
        <v>50</v>
      </c>
      <c r="C190" s="6" t="s">
        <v>51</v>
      </c>
      <c r="D190" s="7" t="s">
        <v>549</v>
      </c>
      <c r="E190" s="18" t="s">
        <v>550</v>
      </c>
      <c r="F190" s="8">
        <v>0</v>
      </c>
      <c r="G190" s="5" t="s">
        <v>501</v>
      </c>
      <c r="H190" s="6" t="s">
        <v>551</v>
      </c>
      <c r="I190" s="9">
        <v>1020005007434</v>
      </c>
      <c r="K190" s="11">
        <v>0</v>
      </c>
      <c r="L190" s="11">
        <v>0</v>
      </c>
    </row>
    <row r="191" spans="1:12" ht="21.75" customHeight="1" x14ac:dyDescent="0.2">
      <c r="A191" s="5">
        <v>190</v>
      </c>
      <c r="B191" s="16" t="s">
        <v>50</v>
      </c>
      <c r="C191" s="6" t="s">
        <v>51</v>
      </c>
      <c r="D191" s="7" t="s">
        <v>552</v>
      </c>
      <c r="E191" s="18" t="s">
        <v>553</v>
      </c>
      <c r="F191" s="8">
        <v>0</v>
      </c>
      <c r="G191" s="5" t="s">
        <v>501</v>
      </c>
      <c r="H191" s="6" t="s">
        <v>554</v>
      </c>
      <c r="I191" s="9">
        <v>6020005007479</v>
      </c>
      <c r="K191" s="11">
        <v>0</v>
      </c>
      <c r="L191" s="11">
        <v>0</v>
      </c>
    </row>
    <row r="192" spans="1:12" ht="21.75" customHeight="1" x14ac:dyDescent="0.2">
      <c r="A192" s="5">
        <v>191</v>
      </c>
      <c r="B192" s="16" t="s">
        <v>50</v>
      </c>
      <c r="C192" s="6" t="s">
        <v>51</v>
      </c>
      <c r="D192" s="7" t="s">
        <v>555</v>
      </c>
      <c r="E192" s="18" t="s">
        <v>556</v>
      </c>
      <c r="F192" s="8">
        <v>0</v>
      </c>
      <c r="G192" s="5" t="s">
        <v>501</v>
      </c>
      <c r="H192" s="6" t="s">
        <v>557</v>
      </c>
      <c r="I192" s="9">
        <v>2020005007474</v>
      </c>
      <c r="K192" s="11">
        <v>0</v>
      </c>
      <c r="L192" s="11">
        <v>0</v>
      </c>
    </row>
    <row r="193" spans="1:12" ht="21.75" customHeight="1" x14ac:dyDescent="0.2">
      <c r="A193" s="5">
        <v>192</v>
      </c>
      <c r="B193" s="16" t="s">
        <v>50</v>
      </c>
      <c r="C193" s="6" t="s">
        <v>51</v>
      </c>
      <c r="D193" s="7" t="s">
        <v>558</v>
      </c>
      <c r="E193" s="18" t="s">
        <v>559</v>
      </c>
      <c r="F193" s="8">
        <v>0</v>
      </c>
      <c r="G193" s="5" t="s">
        <v>501</v>
      </c>
      <c r="H193" s="6" t="s">
        <v>560</v>
      </c>
      <c r="I193" s="9">
        <v>4020005007489</v>
      </c>
      <c r="K193" s="11">
        <v>0</v>
      </c>
      <c r="L193" s="11">
        <v>0</v>
      </c>
    </row>
    <row r="194" spans="1:12" ht="21.75" customHeight="1" x14ac:dyDescent="0.2">
      <c r="A194" s="5">
        <v>193</v>
      </c>
      <c r="B194" s="16" t="s">
        <v>50</v>
      </c>
      <c r="C194" s="6" t="s">
        <v>51</v>
      </c>
      <c r="D194" s="7" t="s">
        <v>561</v>
      </c>
      <c r="E194" s="18" t="s">
        <v>562</v>
      </c>
      <c r="F194" s="8">
        <v>0</v>
      </c>
      <c r="G194" s="5" t="s">
        <v>501</v>
      </c>
      <c r="H194" s="6" t="s">
        <v>563</v>
      </c>
      <c r="I194" s="9">
        <v>7020005007494</v>
      </c>
      <c r="K194" s="11">
        <v>0</v>
      </c>
      <c r="L194" s="11">
        <v>0</v>
      </c>
    </row>
    <row r="195" spans="1:12" ht="21.75" customHeight="1" x14ac:dyDescent="0.2">
      <c r="A195" s="5">
        <v>194</v>
      </c>
      <c r="B195" s="16" t="s">
        <v>50</v>
      </c>
      <c r="C195" s="6" t="s">
        <v>84</v>
      </c>
      <c r="D195" s="7" t="s">
        <v>564</v>
      </c>
      <c r="E195" s="18" t="s">
        <v>565</v>
      </c>
      <c r="F195" s="8">
        <v>0</v>
      </c>
      <c r="G195" s="5" t="s">
        <v>501</v>
      </c>
      <c r="H195" s="6" t="s">
        <v>566</v>
      </c>
      <c r="I195" s="9">
        <v>1020005007319</v>
      </c>
      <c r="K195" s="11">
        <v>0</v>
      </c>
      <c r="L195" s="11">
        <v>0</v>
      </c>
    </row>
    <row r="196" spans="1:12" ht="21.75" customHeight="1" x14ac:dyDescent="0.2">
      <c r="A196" s="5">
        <v>195</v>
      </c>
      <c r="B196" s="16" t="s">
        <v>50</v>
      </c>
      <c r="C196" s="6" t="s">
        <v>88</v>
      </c>
      <c r="D196" s="7" t="s">
        <v>567</v>
      </c>
      <c r="E196" s="18" t="s">
        <v>568</v>
      </c>
      <c r="F196" s="8">
        <v>0</v>
      </c>
      <c r="G196" s="5" t="s">
        <v>501</v>
      </c>
      <c r="H196" s="6" t="s">
        <v>569</v>
      </c>
      <c r="I196" s="9">
        <v>2020005007202</v>
      </c>
      <c r="K196" s="11">
        <v>0</v>
      </c>
      <c r="L196" s="11">
        <v>0</v>
      </c>
    </row>
    <row r="197" spans="1:12" ht="21.75" customHeight="1" x14ac:dyDescent="0.2">
      <c r="A197" s="5">
        <v>196</v>
      </c>
      <c r="B197" s="16" t="s">
        <v>50</v>
      </c>
      <c r="C197" s="6" t="s">
        <v>88</v>
      </c>
      <c r="D197" s="7" t="s">
        <v>570</v>
      </c>
      <c r="E197" s="18" t="s">
        <v>571</v>
      </c>
      <c r="F197" s="8">
        <v>0</v>
      </c>
      <c r="G197" s="5" t="s">
        <v>501</v>
      </c>
      <c r="H197" s="6" t="s">
        <v>572</v>
      </c>
      <c r="I197" s="9">
        <v>3020005007481</v>
      </c>
      <c r="K197" s="11">
        <v>0</v>
      </c>
      <c r="L197" s="11">
        <v>0</v>
      </c>
    </row>
    <row r="198" spans="1:12" ht="21.75" customHeight="1" x14ac:dyDescent="0.2">
      <c r="A198" s="5">
        <v>197</v>
      </c>
      <c r="B198" s="16" t="s">
        <v>50</v>
      </c>
      <c r="C198" s="6" t="s">
        <v>88</v>
      </c>
      <c r="D198" s="7" t="s">
        <v>573</v>
      </c>
      <c r="E198" s="18" t="s">
        <v>574</v>
      </c>
      <c r="F198" s="8">
        <v>0</v>
      </c>
      <c r="G198" s="5" t="s">
        <v>501</v>
      </c>
      <c r="H198" s="6" t="s">
        <v>575</v>
      </c>
      <c r="I198" s="9">
        <v>3020005007498</v>
      </c>
      <c r="K198" s="11">
        <v>0</v>
      </c>
      <c r="L198" s="11">
        <v>0</v>
      </c>
    </row>
    <row r="199" spans="1:12" ht="21.75" customHeight="1" x14ac:dyDescent="0.2">
      <c r="A199" s="5">
        <v>198</v>
      </c>
      <c r="B199" s="16" t="s">
        <v>50</v>
      </c>
      <c r="C199" s="6" t="s">
        <v>88</v>
      </c>
      <c r="D199" s="7" t="s">
        <v>576</v>
      </c>
      <c r="E199" s="18" t="s">
        <v>577</v>
      </c>
      <c r="F199" s="8">
        <v>0</v>
      </c>
      <c r="G199" s="5" t="s">
        <v>501</v>
      </c>
      <c r="H199" s="6" t="s">
        <v>578</v>
      </c>
      <c r="I199" s="9">
        <v>2020005007499</v>
      </c>
      <c r="K199" s="11">
        <v>0</v>
      </c>
      <c r="L199" s="11">
        <v>0</v>
      </c>
    </row>
    <row r="200" spans="1:12" ht="21.75" customHeight="1" x14ac:dyDescent="0.2">
      <c r="A200" s="5">
        <v>199</v>
      </c>
      <c r="B200" s="16" t="s">
        <v>50</v>
      </c>
      <c r="C200" s="6" t="s">
        <v>104</v>
      </c>
      <c r="D200" s="7" t="s">
        <v>579</v>
      </c>
      <c r="E200" s="18" t="s">
        <v>580</v>
      </c>
      <c r="F200" s="8">
        <v>0</v>
      </c>
      <c r="G200" s="5" t="s">
        <v>501</v>
      </c>
      <c r="H200" s="6" t="s">
        <v>581</v>
      </c>
      <c r="I200" s="9">
        <v>1020005007351</v>
      </c>
      <c r="K200" s="11">
        <v>0</v>
      </c>
      <c r="L200" s="11">
        <v>0</v>
      </c>
    </row>
    <row r="201" spans="1:12" ht="21.75" customHeight="1" x14ac:dyDescent="0.2">
      <c r="A201" s="5">
        <v>200</v>
      </c>
      <c r="B201" s="16" t="s">
        <v>50</v>
      </c>
      <c r="C201" s="6" t="s">
        <v>104</v>
      </c>
      <c r="D201" s="7" t="s">
        <v>582</v>
      </c>
      <c r="E201" s="18" t="s">
        <v>583</v>
      </c>
      <c r="F201" s="8">
        <v>0</v>
      </c>
      <c r="G201" s="5" t="s">
        <v>501</v>
      </c>
      <c r="H201" s="6" t="s">
        <v>584</v>
      </c>
      <c r="I201" s="9">
        <v>9020005007369</v>
      </c>
      <c r="K201" s="11">
        <v>0</v>
      </c>
      <c r="L201" s="11">
        <v>0</v>
      </c>
    </row>
    <row r="202" spans="1:12" ht="21.75" customHeight="1" x14ac:dyDescent="0.2">
      <c r="A202" s="5">
        <v>201</v>
      </c>
      <c r="B202" s="16" t="s">
        <v>50</v>
      </c>
      <c r="C202" s="6" t="s">
        <v>124</v>
      </c>
      <c r="D202" s="7" t="s">
        <v>585</v>
      </c>
      <c r="E202" s="18" t="s">
        <v>586</v>
      </c>
      <c r="F202" s="8">
        <v>0</v>
      </c>
      <c r="G202" s="5" t="s">
        <v>501</v>
      </c>
      <c r="H202" s="6" t="s">
        <v>587</v>
      </c>
      <c r="I202" s="9">
        <v>1020005007260</v>
      </c>
      <c r="K202" s="11">
        <v>0</v>
      </c>
      <c r="L202" s="11">
        <v>0</v>
      </c>
    </row>
    <row r="203" spans="1:12" ht="21.75" customHeight="1" x14ac:dyDescent="0.2">
      <c r="A203" s="5">
        <v>202</v>
      </c>
      <c r="B203" s="16" t="s">
        <v>50</v>
      </c>
      <c r="C203" s="6" t="s">
        <v>588</v>
      </c>
      <c r="D203" s="7" t="s">
        <v>589</v>
      </c>
      <c r="E203" s="18" t="s">
        <v>590</v>
      </c>
      <c r="F203" s="8">
        <v>0</v>
      </c>
      <c r="G203" s="5" t="s">
        <v>501</v>
      </c>
      <c r="H203" s="6" t="s">
        <v>591</v>
      </c>
      <c r="I203" s="9">
        <v>4020005007316</v>
      </c>
      <c r="K203" s="11">
        <v>0</v>
      </c>
      <c r="L203" s="11">
        <v>0</v>
      </c>
    </row>
    <row r="204" spans="1:12" ht="21.75" customHeight="1" x14ac:dyDescent="0.2">
      <c r="A204" s="5">
        <v>203</v>
      </c>
      <c r="B204" s="16" t="s">
        <v>50</v>
      </c>
      <c r="C204" s="6" t="s">
        <v>430</v>
      </c>
      <c r="D204" s="7" t="s">
        <v>592</v>
      </c>
      <c r="E204" s="18" t="s">
        <v>593</v>
      </c>
      <c r="F204" s="8">
        <v>0</v>
      </c>
      <c r="G204" s="5" t="s">
        <v>501</v>
      </c>
      <c r="H204" s="6" t="s">
        <v>594</v>
      </c>
      <c r="I204" s="9">
        <v>9020005007484</v>
      </c>
      <c r="K204" s="11">
        <v>0</v>
      </c>
      <c r="L204" s="11">
        <v>0</v>
      </c>
    </row>
    <row r="205" spans="1:12" ht="21.75" customHeight="1" x14ac:dyDescent="0.2">
      <c r="A205" s="5">
        <v>204</v>
      </c>
      <c r="B205" s="16" t="s">
        <v>50</v>
      </c>
      <c r="C205" s="6" t="s">
        <v>128</v>
      </c>
      <c r="D205" s="7" t="s">
        <v>595</v>
      </c>
      <c r="E205" s="18" t="s">
        <v>596</v>
      </c>
      <c r="F205" s="8">
        <v>0</v>
      </c>
      <c r="G205" s="5" t="s">
        <v>501</v>
      </c>
      <c r="H205" s="6" t="s">
        <v>597</v>
      </c>
      <c r="I205" s="9">
        <v>2020005007227</v>
      </c>
      <c r="K205" s="11">
        <v>0</v>
      </c>
      <c r="L205" s="11">
        <v>0</v>
      </c>
    </row>
    <row r="206" spans="1:12" ht="21.75" customHeight="1" x14ac:dyDescent="0.2">
      <c r="A206" s="5">
        <v>205</v>
      </c>
      <c r="B206" s="16" t="s">
        <v>50</v>
      </c>
      <c r="C206" s="6" t="s">
        <v>128</v>
      </c>
      <c r="D206" s="7" t="s">
        <v>598</v>
      </c>
      <c r="E206" s="18" t="s">
        <v>599</v>
      </c>
      <c r="F206" s="8" t="s">
        <v>82</v>
      </c>
      <c r="G206" s="5" t="s">
        <v>501</v>
      </c>
      <c r="H206" s="6" t="s">
        <v>600</v>
      </c>
      <c r="I206" s="9">
        <v>2020005007490</v>
      </c>
      <c r="K206" s="11">
        <v>0</v>
      </c>
      <c r="L206" s="11">
        <v>0</v>
      </c>
    </row>
    <row r="207" spans="1:12" ht="21.75" customHeight="1" x14ac:dyDescent="0.2">
      <c r="A207" s="5">
        <v>206</v>
      </c>
      <c r="B207" s="16" t="s">
        <v>50</v>
      </c>
      <c r="C207" s="6" t="s">
        <v>135</v>
      </c>
      <c r="D207" s="7" t="s">
        <v>601</v>
      </c>
      <c r="E207" s="18" t="s">
        <v>449</v>
      </c>
      <c r="F207" s="8">
        <v>0</v>
      </c>
      <c r="G207" s="5" t="s">
        <v>501</v>
      </c>
      <c r="H207" s="6" t="s">
        <v>602</v>
      </c>
      <c r="I207" s="9">
        <v>5020005007224</v>
      </c>
      <c r="K207" s="11">
        <v>0</v>
      </c>
      <c r="L207" s="11">
        <v>0</v>
      </c>
    </row>
    <row r="208" spans="1:12" ht="21.75" customHeight="1" x14ac:dyDescent="0.2">
      <c r="A208" s="5">
        <v>207</v>
      </c>
      <c r="B208" s="16" t="s">
        <v>50</v>
      </c>
      <c r="C208" s="6" t="s">
        <v>135</v>
      </c>
      <c r="D208" s="7" t="s">
        <v>603</v>
      </c>
      <c r="E208" s="18" t="s">
        <v>604</v>
      </c>
      <c r="F208" s="8">
        <v>0</v>
      </c>
      <c r="G208" s="5" t="s">
        <v>501</v>
      </c>
      <c r="H208" s="6" t="s">
        <v>605</v>
      </c>
      <c r="I208" s="9">
        <v>3020005008414</v>
      </c>
      <c r="K208" s="11">
        <v>0</v>
      </c>
      <c r="L208" s="11">
        <v>0</v>
      </c>
    </row>
    <row r="209" spans="1:12" ht="21.75" customHeight="1" x14ac:dyDescent="0.2">
      <c r="A209" s="5">
        <v>208</v>
      </c>
      <c r="B209" s="16" t="s">
        <v>50</v>
      </c>
      <c r="C209" s="6" t="s">
        <v>135</v>
      </c>
      <c r="D209" s="7" t="s">
        <v>606</v>
      </c>
      <c r="E209" s="18" t="s">
        <v>607</v>
      </c>
      <c r="F209" s="8">
        <v>0</v>
      </c>
      <c r="G209" s="5" t="s">
        <v>501</v>
      </c>
      <c r="H209" s="6" t="s">
        <v>608</v>
      </c>
      <c r="I209" s="9">
        <v>4020005007324</v>
      </c>
      <c r="K209" s="11">
        <v>0</v>
      </c>
      <c r="L209" s="11">
        <v>0</v>
      </c>
    </row>
    <row r="210" spans="1:12" ht="21.75" customHeight="1" x14ac:dyDescent="0.2">
      <c r="A210" s="5">
        <v>209</v>
      </c>
      <c r="B210" s="16" t="s">
        <v>50</v>
      </c>
      <c r="C210" s="6" t="s">
        <v>135</v>
      </c>
      <c r="D210" s="7" t="s">
        <v>609</v>
      </c>
      <c r="E210" s="18" t="s">
        <v>610</v>
      </c>
      <c r="F210" s="8">
        <v>0</v>
      </c>
      <c r="G210" s="5" t="s">
        <v>501</v>
      </c>
      <c r="H210" s="6" t="s">
        <v>611</v>
      </c>
      <c r="I210" s="9">
        <v>3020005007366</v>
      </c>
      <c r="K210" s="11">
        <v>0</v>
      </c>
      <c r="L210" s="11">
        <v>0</v>
      </c>
    </row>
    <row r="211" spans="1:12" ht="21.75" customHeight="1" x14ac:dyDescent="0.2">
      <c r="A211" s="5">
        <v>210</v>
      </c>
      <c r="B211" s="16" t="s">
        <v>50</v>
      </c>
      <c r="C211" s="6" t="s">
        <v>146</v>
      </c>
      <c r="D211" s="7" t="s">
        <v>612</v>
      </c>
      <c r="E211" s="18" t="s">
        <v>613</v>
      </c>
      <c r="F211" s="8" t="s">
        <v>82</v>
      </c>
      <c r="G211" s="5" t="s">
        <v>501</v>
      </c>
      <c r="H211" s="6" t="s">
        <v>614</v>
      </c>
      <c r="I211" s="9">
        <v>2020005007359</v>
      </c>
      <c r="K211" s="11">
        <v>0</v>
      </c>
      <c r="L211" s="11">
        <v>0</v>
      </c>
    </row>
    <row r="212" spans="1:12" ht="21.75" customHeight="1" x14ac:dyDescent="0.2">
      <c r="A212" s="5">
        <v>211</v>
      </c>
      <c r="B212" s="16" t="s">
        <v>50</v>
      </c>
      <c r="C212" s="6" t="s">
        <v>146</v>
      </c>
      <c r="D212" s="7" t="s">
        <v>615</v>
      </c>
      <c r="E212" s="18" t="s">
        <v>616</v>
      </c>
      <c r="F212" s="8">
        <v>0</v>
      </c>
      <c r="G212" s="5" t="s">
        <v>501</v>
      </c>
      <c r="H212" s="6" t="s">
        <v>617</v>
      </c>
      <c r="I212" s="9">
        <v>8020005007353</v>
      </c>
      <c r="K212" s="11">
        <v>0</v>
      </c>
      <c r="L212" s="11">
        <v>0</v>
      </c>
    </row>
    <row r="213" spans="1:12" ht="21.75" customHeight="1" x14ac:dyDescent="0.2">
      <c r="A213" s="5">
        <v>212</v>
      </c>
      <c r="B213" s="16" t="s">
        <v>50</v>
      </c>
      <c r="C213" s="6" t="s">
        <v>146</v>
      </c>
      <c r="D213" s="7" t="s">
        <v>618</v>
      </c>
      <c r="E213" s="18" t="s">
        <v>619</v>
      </c>
      <c r="F213" s="8">
        <v>0</v>
      </c>
      <c r="G213" s="5" t="s">
        <v>501</v>
      </c>
      <c r="H213" s="6" t="s">
        <v>620</v>
      </c>
      <c r="I213" s="9">
        <v>2180005010330</v>
      </c>
      <c r="K213" s="11">
        <v>0</v>
      </c>
      <c r="L213" s="11">
        <v>0</v>
      </c>
    </row>
    <row r="214" spans="1:12" ht="21.75" customHeight="1" x14ac:dyDescent="0.2">
      <c r="A214" s="5">
        <v>213</v>
      </c>
      <c r="B214" s="16" t="s">
        <v>949</v>
      </c>
      <c r="C214" s="6" t="s">
        <v>150</v>
      </c>
      <c r="D214" s="7" t="s">
        <v>621</v>
      </c>
      <c r="E214" s="18" t="s">
        <v>622</v>
      </c>
      <c r="F214" s="8">
        <v>0</v>
      </c>
      <c r="G214" s="5" t="s">
        <v>501</v>
      </c>
      <c r="H214" s="6" t="s">
        <v>623</v>
      </c>
      <c r="I214" s="9">
        <v>4020005007415</v>
      </c>
      <c r="K214" s="11">
        <v>0</v>
      </c>
      <c r="L214" s="11">
        <v>0</v>
      </c>
    </row>
    <row r="215" spans="1:12" ht="21.75" customHeight="1" x14ac:dyDescent="0.2">
      <c r="A215" s="5">
        <v>214</v>
      </c>
      <c r="B215" s="16" t="s">
        <v>949</v>
      </c>
      <c r="C215" s="6" t="s">
        <v>624</v>
      </c>
      <c r="D215" s="7" t="s">
        <v>625</v>
      </c>
      <c r="E215" s="18" t="s">
        <v>626</v>
      </c>
      <c r="F215" s="8">
        <v>0</v>
      </c>
      <c r="G215" s="5" t="s">
        <v>501</v>
      </c>
      <c r="H215" s="6" t="s">
        <v>627</v>
      </c>
      <c r="I215" s="9">
        <v>9020005007427</v>
      </c>
      <c r="K215" s="11">
        <v>0</v>
      </c>
      <c r="L215" s="11">
        <v>0</v>
      </c>
    </row>
    <row r="216" spans="1:12" ht="21.75" customHeight="1" x14ac:dyDescent="0.2">
      <c r="A216" s="5">
        <v>215</v>
      </c>
      <c r="B216" s="16" t="s">
        <v>949</v>
      </c>
      <c r="C216" s="6" t="s">
        <v>628</v>
      </c>
      <c r="D216" s="7" t="s">
        <v>629</v>
      </c>
      <c r="E216" s="18" t="s">
        <v>630</v>
      </c>
      <c r="F216" s="8">
        <v>0</v>
      </c>
      <c r="G216" s="5" t="s">
        <v>501</v>
      </c>
      <c r="H216" s="6" t="s">
        <v>631</v>
      </c>
      <c r="I216" s="9">
        <v>7020005007429</v>
      </c>
      <c r="K216" s="11">
        <v>0</v>
      </c>
      <c r="L216" s="11">
        <v>0</v>
      </c>
    </row>
    <row r="217" spans="1:12" ht="21.75" customHeight="1" x14ac:dyDescent="0.2">
      <c r="A217" s="5">
        <v>216</v>
      </c>
      <c r="B217" s="16" t="s">
        <v>949</v>
      </c>
      <c r="C217" s="6" t="s">
        <v>632</v>
      </c>
      <c r="D217" s="7" t="s">
        <v>633</v>
      </c>
      <c r="E217" s="18" t="s">
        <v>634</v>
      </c>
      <c r="F217" s="8">
        <v>0</v>
      </c>
      <c r="G217" s="5" t="s">
        <v>501</v>
      </c>
      <c r="H217" s="6" t="s">
        <v>635</v>
      </c>
      <c r="I217" s="9">
        <v>7020005007206</v>
      </c>
      <c r="K217" s="11">
        <v>0</v>
      </c>
      <c r="L217" s="11">
        <v>0</v>
      </c>
    </row>
    <row r="218" spans="1:12" ht="21.75" customHeight="1" x14ac:dyDescent="0.2">
      <c r="A218" s="5">
        <v>217</v>
      </c>
      <c r="B218" s="16" t="s">
        <v>949</v>
      </c>
      <c r="C218" s="6" t="s">
        <v>168</v>
      </c>
      <c r="D218" s="7" t="s">
        <v>636</v>
      </c>
      <c r="E218" s="18" t="s">
        <v>637</v>
      </c>
      <c r="F218" s="8">
        <v>0</v>
      </c>
      <c r="G218" s="5" t="s">
        <v>501</v>
      </c>
      <c r="H218" s="6" t="s">
        <v>638</v>
      </c>
      <c r="I218" s="9">
        <v>5020005011597</v>
      </c>
      <c r="K218" s="11">
        <v>0</v>
      </c>
      <c r="L218" s="11">
        <v>0</v>
      </c>
    </row>
    <row r="219" spans="1:12" ht="21.75" customHeight="1" x14ac:dyDescent="0.2">
      <c r="A219" s="5">
        <v>218</v>
      </c>
      <c r="B219" s="16" t="s">
        <v>174</v>
      </c>
      <c r="C219" s="6" t="s">
        <v>175</v>
      </c>
      <c r="D219" s="7" t="s">
        <v>639</v>
      </c>
      <c r="E219" s="18" t="s">
        <v>640</v>
      </c>
      <c r="F219" s="8">
        <v>0</v>
      </c>
      <c r="G219" s="5" t="s">
        <v>501</v>
      </c>
      <c r="H219" s="6" t="s">
        <v>641</v>
      </c>
      <c r="I219" s="9">
        <v>7020005007172</v>
      </c>
      <c r="K219" s="11">
        <v>0</v>
      </c>
      <c r="L219" s="11">
        <v>0</v>
      </c>
    </row>
    <row r="220" spans="1:12" ht="21.75" customHeight="1" x14ac:dyDescent="0.2">
      <c r="A220" s="5">
        <v>219</v>
      </c>
      <c r="B220" s="16" t="s">
        <v>174</v>
      </c>
      <c r="C220" s="6" t="s">
        <v>175</v>
      </c>
      <c r="D220" s="7" t="s">
        <v>642</v>
      </c>
      <c r="E220" s="18" t="s">
        <v>643</v>
      </c>
      <c r="F220" s="8">
        <v>0</v>
      </c>
      <c r="G220" s="5" t="s">
        <v>501</v>
      </c>
      <c r="H220" s="6" t="s">
        <v>644</v>
      </c>
      <c r="I220" s="9">
        <v>5020005007182</v>
      </c>
      <c r="K220" s="11">
        <v>0</v>
      </c>
      <c r="L220" s="11">
        <v>0</v>
      </c>
    </row>
    <row r="221" spans="1:12" ht="21.75" customHeight="1" x14ac:dyDescent="0.2">
      <c r="A221" s="5">
        <v>220</v>
      </c>
      <c r="B221" s="16" t="s">
        <v>174</v>
      </c>
      <c r="C221" s="6" t="s">
        <v>175</v>
      </c>
      <c r="D221" s="7" t="s">
        <v>645</v>
      </c>
      <c r="E221" s="18" t="s">
        <v>646</v>
      </c>
      <c r="F221" s="8">
        <v>0</v>
      </c>
      <c r="G221" s="5" t="s">
        <v>501</v>
      </c>
      <c r="H221" s="6" t="s">
        <v>647</v>
      </c>
      <c r="I221" s="9">
        <v>9020005007195</v>
      </c>
      <c r="K221" s="11">
        <v>0</v>
      </c>
      <c r="L221" s="11">
        <v>0</v>
      </c>
    </row>
    <row r="222" spans="1:12" ht="21.75" customHeight="1" x14ac:dyDescent="0.2">
      <c r="A222" s="5">
        <v>221</v>
      </c>
      <c r="B222" s="16" t="s">
        <v>12</v>
      </c>
      <c r="C222" s="6" t="s">
        <v>13</v>
      </c>
      <c r="D222" s="7" t="s">
        <v>648</v>
      </c>
      <c r="E222" s="18" t="s">
        <v>500</v>
      </c>
      <c r="F222" s="8">
        <v>0</v>
      </c>
      <c r="G222" s="5" t="s">
        <v>649</v>
      </c>
      <c r="H222" s="6" t="s">
        <v>650</v>
      </c>
      <c r="I222" s="9">
        <v>5020005007298</v>
      </c>
      <c r="K222" s="11">
        <v>0</v>
      </c>
      <c r="L222" s="11">
        <v>0</v>
      </c>
    </row>
    <row r="223" spans="1:12" ht="21.75" customHeight="1" x14ac:dyDescent="0.2">
      <c r="A223" s="5">
        <v>222</v>
      </c>
      <c r="B223" s="16" t="s">
        <v>12</v>
      </c>
      <c r="C223" s="6" t="s">
        <v>13</v>
      </c>
      <c r="D223" s="7" t="s">
        <v>514</v>
      </c>
      <c r="E223" s="18" t="s">
        <v>528</v>
      </c>
      <c r="F223" s="8">
        <v>0</v>
      </c>
      <c r="G223" s="5" t="s">
        <v>649</v>
      </c>
      <c r="H223" s="6" t="s">
        <v>651</v>
      </c>
      <c r="I223" s="9">
        <v>1020005007293</v>
      </c>
      <c r="K223" s="11">
        <v>0</v>
      </c>
      <c r="L223" s="11">
        <v>0</v>
      </c>
    </row>
    <row r="224" spans="1:12" ht="21.75" customHeight="1" x14ac:dyDescent="0.2">
      <c r="A224" s="5">
        <v>223</v>
      </c>
      <c r="B224" s="16" t="s">
        <v>12</v>
      </c>
      <c r="C224" s="6" t="s">
        <v>13</v>
      </c>
      <c r="D224" s="7" t="s">
        <v>28</v>
      </c>
      <c r="E224" s="18" t="s">
        <v>500</v>
      </c>
      <c r="F224" s="8">
        <v>0</v>
      </c>
      <c r="G224" s="5" t="s">
        <v>649</v>
      </c>
      <c r="H224" s="6" t="s">
        <v>652</v>
      </c>
      <c r="I224" s="9">
        <v>4020005007290</v>
      </c>
      <c r="K224" s="11">
        <v>0</v>
      </c>
      <c r="L224" s="11">
        <v>0</v>
      </c>
    </row>
    <row r="225" spans="1:12" ht="21.75" customHeight="1" x14ac:dyDescent="0.2">
      <c r="A225" s="5">
        <v>224</v>
      </c>
      <c r="B225" s="16" t="s">
        <v>12</v>
      </c>
      <c r="C225" s="6" t="s">
        <v>13</v>
      </c>
      <c r="D225" s="7" t="s">
        <v>653</v>
      </c>
      <c r="E225" s="18" t="s">
        <v>500</v>
      </c>
      <c r="F225" s="8">
        <v>0</v>
      </c>
      <c r="G225" s="5" t="s">
        <v>649</v>
      </c>
      <c r="H225" s="6" t="s">
        <v>654</v>
      </c>
      <c r="I225" s="9">
        <v>2020005007342</v>
      </c>
      <c r="K225" s="11">
        <v>0</v>
      </c>
      <c r="L225" s="11">
        <v>0</v>
      </c>
    </row>
    <row r="226" spans="1:12" ht="21.75" customHeight="1" x14ac:dyDescent="0.2">
      <c r="A226" s="5">
        <v>225</v>
      </c>
      <c r="B226" s="16" t="s">
        <v>12</v>
      </c>
      <c r="C226" s="6" t="s">
        <v>13</v>
      </c>
      <c r="D226" s="7" t="s">
        <v>655</v>
      </c>
      <c r="E226" s="18" t="s">
        <v>500</v>
      </c>
      <c r="F226" s="8">
        <v>0</v>
      </c>
      <c r="G226" s="5" t="s">
        <v>649</v>
      </c>
      <c r="H226" s="6" t="s">
        <v>656</v>
      </c>
      <c r="I226" s="9">
        <v>4020005007398</v>
      </c>
      <c r="K226" s="11">
        <v>0</v>
      </c>
      <c r="L226" s="11">
        <v>0</v>
      </c>
    </row>
    <row r="227" spans="1:12" ht="21.75" customHeight="1" x14ac:dyDescent="0.2">
      <c r="A227" s="5">
        <v>226</v>
      </c>
      <c r="B227" s="16" t="s">
        <v>12</v>
      </c>
      <c r="C227" s="6" t="s">
        <v>13</v>
      </c>
      <c r="D227" s="7" t="s">
        <v>657</v>
      </c>
      <c r="E227" s="18" t="s">
        <v>500</v>
      </c>
      <c r="F227" s="8">
        <v>0</v>
      </c>
      <c r="G227" s="5" t="s">
        <v>649</v>
      </c>
      <c r="H227" s="6" t="s">
        <v>658</v>
      </c>
      <c r="I227" s="9">
        <v>1020005007392</v>
      </c>
      <c r="K227" s="11">
        <v>0</v>
      </c>
      <c r="L227" s="11">
        <v>0</v>
      </c>
    </row>
    <row r="228" spans="1:12" ht="21.75" customHeight="1" x14ac:dyDescent="0.2">
      <c r="A228" s="5">
        <v>227</v>
      </c>
      <c r="B228" s="16" t="s">
        <v>12</v>
      </c>
      <c r="C228" s="6" t="s">
        <v>13</v>
      </c>
      <c r="D228" s="7" t="s">
        <v>659</v>
      </c>
      <c r="E228" s="18" t="s">
        <v>504</v>
      </c>
      <c r="F228" s="8">
        <v>0</v>
      </c>
      <c r="G228" s="5" t="s">
        <v>649</v>
      </c>
      <c r="H228" s="6" t="s">
        <v>660</v>
      </c>
      <c r="I228" s="9">
        <v>2020005007466</v>
      </c>
      <c r="K228" s="11">
        <v>0</v>
      </c>
      <c r="L228" s="11">
        <v>0</v>
      </c>
    </row>
    <row r="229" spans="1:12" ht="21.75" customHeight="1" x14ac:dyDescent="0.2">
      <c r="A229" s="5">
        <v>228</v>
      </c>
      <c r="B229" s="16" t="s">
        <v>50</v>
      </c>
      <c r="C229" s="6" t="s">
        <v>51</v>
      </c>
      <c r="D229" s="7" t="s">
        <v>661</v>
      </c>
      <c r="E229" s="18" t="s">
        <v>662</v>
      </c>
      <c r="F229" s="8">
        <v>0</v>
      </c>
      <c r="G229" s="5" t="s">
        <v>649</v>
      </c>
      <c r="H229" s="6" t="s">
        <v>663</v>
      </c>
      <c r="I229" s="9">
        <v>4020005007274</v>
      </c>
      <c r="K229" s="11">
        <v>0</v>
      </c>
      <c r="L229" s="11">
        <v>0</v>
      </c>
    </row>
    <row r="230" spans="1:12" ht="21.75" customHeight="1" x14ac:dyDescent="0.2">
      <c r="A230" s="5">
        <v>229</v>
      </c>
      <c r="B230" s="16" t="s">
        <v>50</v>
      </c>
      <c r="C230" s="6" t="s">
        <v>51</v>
      </c>
      <c r="D230" s="7" t="s">
        <v>612</v>
      </c>
      <c r="E230" s="18" t="s">
        <v>556</v>
      </c>
      <c r="F230" s="8">
        <v>0</v>
      </c>
      <c r="G230" s="5" t="s">
        <v>649</v>
      </c>
      <c r="H230" s="6" t="s">
        <v>664</v>
      </c>
      <c r="I230" s="9">
        <v>5020005007356</v>
      </c>
      <c r="K230" s="11">
        <v>0</v>
      </c>
      <c r="L230" s="11">
        <v>0</v>
      </c>
    </row>
    <row r="231" spans="1:12" ht="21.75" customHeight="1" x14ac:dyDescent="0.2">
      <c r="A231" s="5">
        <v>230</v>
      </c>
      <c r="B231" s="16" t="s">
        <v>50</v>
      </c>
      <c r="C231" s="6" t="s">
        <v>51</v>
      </c>
      <c r="D231" s="7" t="s">
        <v>665</v>
      </c>
      <c r="E231" s="18" t="s">
        <v>666</v>
      </c>
      <c r="F231" s="8">
        <v>0</v>
      </c>
      <c r="G231" s="5" t="s">
        <v>649</v>
      </c>
      <c r="H231" s="6" t="s">
        <v>667</v>
      </c>
      <c r="I231" s="9">
        <v>4020005007357</v>
      </c>
      <c r="K231" s="11">
        <v>0</v>
      </c>
      <c r="L231" s="11">
        <v>0</v>
      </c>
    </row>
    <row r="232" spans="1:12" ht="21.75" customHeight="1" x14ac:dyDescent="0.2">
      <c r="A232" s="5">
        <v>231</v>
      </c>
      <c r="B232" s="16" t="s">
        <v>50</v>
      </c>
      <c r="C232" s="6" t="s">
        <v>51</v>
      </c>
      <c r="D232" s="7" t="s">
        <v>668</v>
      </c>
      <c r="E232" s="18" t="s">
        <v>669</v>
      </c>
      <c r="F232" s="8">
        <v>0</v>
      </c>
      <c r="G232" s="5" t="s">
        <v>649</v>
      </c>
      <c r="H232" s="6" t="s">
        <v>670</v>
      </c>
      <c r="I232" s="9">
        <v>3020005007399</v>
      </c>
      <c r="K232" s="11">
        <v>0</v>
      </c>
      <c r="L232" s="11">
        <v>0</v>
      </c>
    </row>
    <row r="233" spans="1:12" ht="21.75" customHeight="1" x14ac:dyDescent="0.2">
      <c r="A233" s="5">
        <v>232</v>
      </c>
      <c r="B233" s="16" t="s">
        <v>50</v>
      </c>
      <c r="C233" s="6" t="s">
        <v>51</v>
      </c>
      <c r="D233" s="7" t="s">
        <v>671</v>
      </c>
      <c r="E233" s="18" t="s">
        <v>672</v>
      </c>
      <c r="F233" s="8">
        <v>0</v>
      </c>
      <c r="G233" s="5" t="s">
        <v>649</v>
      </c>
      <c r="H233" s="6" t="s">
        <v>673</v>
      </c>
      <c r="I233" s="9">
        <v>7020005007230</v>
      </c>
      <c r="K233" s="11">
        <v>0</v>
      </c>
      <c r="L233" s="11">
        <v>0</v>
      </c>
    </row>
    <row r="234" spans="1:12" ht="21.75" customHeight="1" x14ac:dyDescent="0.2">
      <c r="A234" s="5">
        <v>233</v>
      </c>
      <c r="B234" s="16" t="s">
        <v>50</v>
      </c>
      <c r="C234" s="6" t="s">
        <v>114</v>
      </c>
      <c r="D234" s="7" t="s">
        <v>674</v>
      </c>
      <c r="E234" s="18" t="s">
        <v>675</v>
      </c>
      <c r="F234" s="8">
        <v>0</v>
      </c>
      <c r="G234" s="5" t="s">
        <v>649</v>
      </c>
      <c r="H234" s="6" t="s">
        <v>676</v>
      </c>
      <c r="I234" s="9">
        <v>3020005008471</v>
      </c>
      <c r="K234" s="11">
        <v>0</v>
      </c>
      <c r="L234" s="11">
        <v>0</v>
      </c>
    </row>
    <row r="235" spans="1:12" ht="21.75" customHeight="1" x14ac:dyDescent="0.2">
      <c r="A235" s="5">
        <v>234</v>
      </c>
      <c r="B235" s="16" t="s">
        <v>50</v>
      </c>
      <c r="C235" s="6" t="s">
        <v>677</v>
      </c>
      <c r="D235" s="7" t="s">
        <v>678</v>
      </c>
      <c r="E235" s="18" t="s">
        <v>679</v>
      </c>
      <c r="F235" s="8">
        <v>0</v>
      </c>
      <c r="G235" s="5" t="s">
        <v>649</v>
      </c>
      <c r="H235" s="6" t="s">
        <v>680</v>
      </c>
      <c r="I235" s="9">
        <v>9020005007385</v>
      </c>
      <c r="K235" s="11">
        <v>0</v>
      </c>
      <c r="L235" s="11">
        <v>0</v>
      </c>
    </row>
    <row r="236" spans="1:12" ht="21.75" customHeight="1" x14ac:dyDescent="0.2">
      <c r="A236" s="5">
        <v>235</v>
      </c>
      <c r="B236" s="16" t="s">
        <v>50</v>
      </c>
      <c r="C236" s="6" t="s">
        <v>681</v>
      </c>
      <c r="D236" s="7" t="s">
        <v>682</v>
      </c>
      <c r="E236" s="18" t="s">
        <v>683</v>
      </c>
      <c r="F236" s="8">
        <v>0</v>
      </c>
      <c r="G236" s="5" t="s">
        <v>649</v>
      </c>
      <c r="H236" s="6" t="s">
        <v>684</v>
      </c>
      <c r="I236" s="9">
        <v>4020005007448</v>
      </c>
      <c r="K236" s="11">
        <v>0</v>
      </c>
      <c r="L236" s="11">
        <v>0</v>
      </c>
    </row>
    <row r="237" spans="1:12" ht="21.75" customHeight="1" x14ac:dyDescent="0.2">
      <c r="A237" s="5">
        <v>236</v>
      </c>
      <c r="B237" s="16" t="s">
        <v>50</v>
      </c>
      <c r="C237" s="6" t="s">
        <v>128</v>
      </c>
      <c r="D237" s="7" t="s">
        <v>603</v>
      </c>
      <c r="E237" s="18" t="s">
        <v>685</v>
      </c>
      <c r="F237" s="8">
        <v>0</v>
      </c>
      <c r="G237" s="5" t="s">
        <v>649</v>
      </c>
      <c r="H237" s="6" t="s">
        <v>686</v>
      </c>
      <c r="I237" s="9">
        <v>6020005007306</v>
      </c>
      <c r="K237" s="11">
        <v>0</v>
      </c>
      <c r="L237" s="11">
        <v>0</v>
      </c>
    </row>
    <row r="238" spans="1:12" ht="21.75" customHeight="1" x14ac:dyDescent="0.2">
      <c r="A238" s="5">
        <v>237</v>
      </c>
      <c r="B238" s="16" t="s">
        <v>50</v>
      </c>
      <c r="C238" s="6" t="s">
        <v>128</v>
      </c>
      <c r="D238" s="7" t="s">
        <v>687</v>
      </c>
      <c r="E238" s="18" t="s">
        <v>688</v>
      </c>
      <c r="F238" s="8">
        <v>0</v>
      </c>
      <c r="G238" s="5" t="s">
        <v>649</v>
      </c>
      <c r="H238" s="6" t="s">
        <v>689</v>
      </c>
      <c r="I238" s="9">
        <v>7020005007313</v>
      </c>
      <c r="K238" s="11">
        <v>0</v>
      </c>
      <c r="L238" s="11">
        <v>0</v>
      </c>
    </row>
    <row r="239" spans="1:12" ht="21.75" customHeight="1" x14ac:dyDescent="0.2">
      <c r="A239" s="5">
        <v>238</v>
      </c>
      <c r="B239" s="16" t="s">
        <v>50</v>
      </c>
      <c r="C239" s="6" t="s">
        <v>128</v>
      </c>
      <c r="D239" s="7" t="s">
        <v>690</v>
      </c>
      <c r="E239" s="18" t="s">
        <v>596</v>
      </c>
      <c r="F239" s="8">
        <v>0</v>
      </c>
      <c r="G239" s="5" t="s">
        <v>649</v>
      </c>
      <c r="H239" s="6" t="s">
        <v>691</v>
      </c>
      <c r="I239" s="9">
        <v>1020005007401</v>
      </c>
      <c r="K239" s="11">
        <v>0</v>
      </c>
      <c r="L239" s="11">
        <v>0</v>
      </c>
    </row>
    <row r="240" spans="1:12" ht="21.75" customHeight="1" x14ac:dyDescent="0.2">
      <c r="A240" s="5">
        <v>239</v>
      </c>
      <c r="B240" s="16" t="s">
        <v>50</v>
      </c>
      <c r="C240" s="6" t="s">
        <v>128</v>
      </c>
      <c r="D240" s="7" t="s">
        <v>692</v>
      </c>
      <c r="E240" s="18" t="s">
        <v>693</v>
      </c>
      <c r="F240" s="8">
        <v>0</v>
      </c>
      <c r="G240" s="5" t="s">
        <v>649</v>
      </c>
      <c r="H240" s="6" t="s">
        <v>694</v>
      </c>
      <c r="I240" s="9">
        <v>4020005007407</v>
      </c>
      <c r="K240" s="11">
        <v>0</v>
      </c>
      <c r="L240" s="11">
        <v>0</v>
      </c>
    </row>
    <row r="241" spans="1:12" ht="21.75" customHeight="1" x14ac:dyDescent="0.2">
      <c r="A241" s="5">
        <v>240</v>
      </c>
      <c r="B241" s="16" t="s">
        <v>50</v>
      </c>
      <c r="C241" s="6" t="s">
        <v>135</v>
      </c>
      <c r="D241" s="7" t="s">
        <v>695</v>
      </c>
      <c r="E241" s="18" t="s">
        <v>696</v>
      </c>
      <c r="F241" s="8">
        <v>0</v>
      </c>
      <c r="G241" s="5" t="s">
        <v>649</v>
      </c>
      <c r="H241" s="6" t="s">
        <v>697</v>
      </c>
      <c r="I241" s="9">
        <v>2020005007425</v>
      </c>
      <c r="K241" s="11">
        <v>0</v>
      </c>
      <c r="L241" s="11">
        <v>0</v>
      </c>
    </row>
    <row r="242" spans="1:12" ht="21.75" customHeight="1" x14ac:dyDescent="0.2">
      <c r="A242" s="5">
        <v>241</v>
      </c>
      <c r="B242" s="16" t="s">
        <v>50</v>
      </c>
      <c r="C242" s="6" t="s">
        <v>135</v>
      </c>
      <c r="D242" s="7" t="s">
        <v>698</v>
      </c>
      <c r="E242" s="18" t="s">
        <v>699</v>
      </c>
      <c r="F242" s="8">
        <v>0</v>
      </c>
      <c r="G242" s="5" t="s">
        <v>649</v>
      </c>
      <c r="H242" s="6" t="s">
        <v>700</v>
      </c>
      <c r="I242" s="9">
        <v>3020005007457</v>
      </c>
      <c r="K242" s="11">
        <v>0</v>
      </c>
      <c r="L242" s="11">
        <v>0</v>
      </c>
    </row>
    <row r="243" spans="1:12" ht="21.75" customHeight="1" x14ac:dyDescent="0.2">
      <c r="A243" s="5">
        <v>242</v>
      </c>
      <c r="B243" s="16" t="s">
        <v>50</v>
      </c>
      <c r="C243" s="6" t="s">
        <v>146</v>
      </c>
      <c r="D243" s="7" t="s">
        <v>701</v>
      </c>
      <c r="E243" s="18" t="s">
        <v>702</v>
      </c>
      <c r="F243" s="8">
        <v>0</v>
      </c>
      <c r="G243" s="5" t="s">
        <v>649</v>
      </c>
      <c r="H243" s="6" t="s">
        <v>703</v>
      </c>
      <c r="I243" s="9">
        <v>5020005007380</v>
      </c>
      <c r="K243" s="11">
        <v>0</v>
      </c>
      <c r="L243" s="11">
        <v>0</v>
      </c>
    </row>
    <row r="244" spans="1:12" ht="21.75" customHeight="1" x14ac:dyDescent="0.2">
      <c r="A244" s="5">
        <v>243</v>
      </c>
      <c r="B244" s="16" t="s">
        <v>949</v>
      </c>
      <c r="C244" s="6" t="s">
        <v>168</v>
      </c>
      <c r="D244" s="7" t="s">
        <v>704</v>
      </c>
      <c r="E244" s="18" t="s">
        <v>705</v>
      </c>
      <c r="F244" s="8">
        <v>0</v>
      </c>
      <c r="G244" s="5" t="s">
        <v>649</v>
      </c>
      <c r="H244" s="6" t="s">
        <v>706</v>
      </c>
      <c r="I244" s="9">
        <v>5020005007331</v>
      </c>
      <c r="K244" s="11">
        <v>0</v>
      </c>
      <c r="L244" s="11">
        <v>0</v>
      </c>
    </row>
    <row r="245" spans="1:12" ht="21.75" customHeight="1" x14ac:dyDescent="0.2">
      <c r="A245" s="5">
        <v>244</v>
      </c>
      <c r="B245" s="16" t="s">
        <v>174</v>
      </c>
      <c r="C245" s="6" t="s">
        <v>175</v>
      </c>
      <c r="D245" s="7" t="s">
        <v>707</v>
      </c>
      <c r="E245" s="18" t="s">
        <v>708</v>
      </c>
      <c r="F245" s="8">
        <v>0</v>
      </c>
      <c r="G245" s="5" t="s">
        <v>649</v>
      </c>
      <c r="H245" s="6" t="s">
        <v>709</v>
      </c>
      <c r="I245" s="9">
        <v>8020005008913</v>
      </c>
      <c r="K245" s="11">
        <v>0</v>
      </c>
      <c r="L245" s="11">
        <v>0</v>
      </c>
    </row>
    <row r="246" spans="1:12" ht="21.75" customHeight="1" x14ac:dyDescent="0.2">
      <c r="A246" s="5">
        <v>245</v>
      </c>
      <c r="B246" s="16" t="s">
        <v>174</v>
      </c>
      <c r="C246" s="6" t="s">
        <v>175</v>
      </c>
      <c r="D246" s="7" t="s">
        <v>710</v>
      </c>
      <c r="E246" s="18" t="s">
        <v>711</v>
      </c>
      <c r="F246" s="8">
        <v>0</v>
      </c>
      <c r="G246" s="5" t="s">
        <v>649</v>
      </c>
      <c r="H246" s="6" t="s">
        <v>712</v>
      </c>
      <c r="I246" s="9">
        <v>6020005007173</v>
      </c>
      <c r="K246" s="11">
        <v>0</v>
      </c>
      <c r="L246" s="11">
        <v>0</v>
      </c>
    </row>
    <row r="247" spans="1:12" ht="21.75" customHeight="1" x14ac:dyDescent="0.2">
      <c r="A247" s="5">
        <v>246</v>
      </c>
      <c r="B247" s="16" t="s">
        <v>174</v>
      </c>
      <c r="C247" s="6" t="s">
        <v>175</v>
      </c>
      <c r="D247" s="7" t="s">
        <v>713</v>
      </c>
      <c r="E247" s="18" t="s">
        <v>714</v>
      </c>
      <c r="F247" s="8">
        <v>0</v>
      </c>
      <c r="G247" s="5" t="s">
        <v>649</v>
      </c>
      <c r="H247" s="6" t="s">
        <v>715</v>
      </c>
      <c r="I247" s="9">
        <v>1020005007194</v>
      </c>
      <c r="K247" s="11">
        <v>0</v>
      </c>
      <c r="L247" s="11">
        <v>0</v>
      </c>
    </row>
    <row r="248" spans="1:12" ht="21.75" customHeight="1" x14ac:dyDescent="0.2">
      <c r="A248" s="5">
        <v>247</v>
      </c>
      <c r="B248" s="16" t="s">
        <v>174</v>
      </c>
      <c r="C248" s="6" t="s">
        <v>175</v>
      </c>
      <c r="D248" s="7" t="s">
        <v>716</v>
      </c>
      <c r="E248" s="18" t="s">
        <v>717</v>
      </c>
      <c r="F248" s="8">
        <v>0</v>
      </c>
      <c r="G248" s="5" t="s">
        <v>649</v>
      </c>
      <c r="H248" s="6" t="s">
        <v>718</v>
      </c>
      <c r="I248" s="9">
        <v>2020005007193</v>
      </c>
      <c r="K248" s="11">
        <v>0</v>
      </c>
      <c r="L248" s="11">
        <v>0</v>
      </c>
    </row>
    <row r="249" spans="1:12" ht="21.75" customHeight="1" x14ac:dyDescent="0.2">
      <c r="A249" s="5">
        <v>248</v>
      </c>
      <c r="B249" s="16" t="s">
        <v>174</v>
      </c>
      <c r="C249" s="6" t="s">
        <v>175</v>
      </c>
      <c r="D249" s="7" t="s">
        <v>719</v>
      </c>
      <c r="E249" s="18" t="s">
        <v>720</v>
      </c>
      <c r="F249" s="8">
        <v>0</v>
      </c>
      <c r="G249" s="5" t="s">
        <v>649</v>
      </c>
      <c r="H249" s="6" t="s">
        <v>721</v>
      </c>
      <c r="I249" s="9">
        <v>7020005007189</v>
      </c>
      <c r="K249" s="11">
        <v>0</v>
      </c>
      <c r="L249" s="11">
        <v>0</v>
      </c>
    </row>
    <row r="250" spans="1:12" ht="21.75" customHeight="1" x14ac:dyDescent="0.2">
      <c r="A250" s="5">
        <v>249</v>
      </c>
      <c r="B250" s="16" t="s">
        <v>12</v>
      </c>
      <c r="C250" s="6" t="s">
        <v>13</v>
      </c>
      <c r="D250" s="7" t="s">
        <v>722</v>
      </c>
      <c r="E250" s="18" t="s">
        <v>723</v>
      </c>
      <c r="F250" s="8">
        <v>0</v>
      </c>
      <c r="G250" s="5" t="s">
        <v>724</v>
      </c>
      <c r="H250" s="6" t="s">
        <v>725</v>
      </c>
      <c r="I250" s="9">
        <v>8020005007213</v>
      </c>
      <c r="K250" s="11">
        <v>0</v>
      </c>
      <c r="L250" s="11">
        <v>0</v>
      </c>
    </row>
    <row r="251" spans="1:12" ht="21.75" customHeight="1" x14ac:dyDescent="0.2">
      <c r="A251" s="5">
        <v>250</v>
      </c>
      <c r="B251" s="16" t="s">
        <v>12</v>
      </c>
      <c r="C251" s="6" t="s">
        <v>13</v>
      </c>
      <c r="D251" s="7" t="s">
        <v>22</v>
      </c>
      <c r="E251" s="18" t="s">
        <v>512</v>
      </c>
      <c r="F251" s="8">
        <v>0</v>
      </c>
      <c r="G251" s="5" t="s">
        <v>724</v>
      </c>
      <c r="H251" s="6" t="s">
        <v>726</v>
      </c>
      <c r="I251" s="9">
        <v>4020005007209</v>
      </c>
      <c r="K251" s="11">
        <v>0</v>
      </c>
      <c r="L251" s="11">
        <v>0</v>
      </c>
    </row>
    <row r="252" spans="1:12" ht="21.75" customHeight="1" x14ac:dyDescent="0.2">
      <c r="A252" s="5">
        <v>251</v>
      </c>
      <c r="B252" s="16" t="s">
        <v>12</v>
      </c>
      <c r="C252" s="6" t="s">
        <v>13</v>
      </c>
      <c r="D252" s="7" t="s">
        <v>22</v>
      </c>
      <c r="E252" s="18" t="s">
        <v>512</v>
      </c>
      <c r="F252" s="8">
        <v>0</v>
      </c>
      <c r="G252" s="5" t="s">
        <v>724</v>
      </c>
      <c r="H252" s="6" t="s">
        <v>727</v>
      </c>
      <c r="I252" s="9">
        <v>1020005007211</v>
      </c>
      <c r="K252" s="11">
        <v>0</v>
      </c>
      <c r="L252" s="11">
        <v>0</v>
      </c>
    </row>
    <row r="253" spans="1:12" ht="21.75" customHeight="1" x14ac:dyDescent="0.2">
      <c r="A253" s="5">
        <v>252</v>
      </c>
      <c r="B253" s="16" t="s">
        <v>12</v>
      </c>
      <c r="C253" s="6" t="s">
        <v>13</v>
      </c>
      <c r="D253" s="7" t="s">
        <v>728</v>
      </c>
      <c r="E253" s="18" t="s">
        <v>723</v>
      </c>
      <c r="F253" s="8">
        <v>0</v>
      </c>
      <c r="G253" s="5" t="s">
        <v>724</v>
      </c>
      <c r="H253" s="6" t="s">
        <v>729</v>
      </c>
      <c r="I253" s="9">
        <v>2020005007268</v>
      </c>
      <c r="K253" s="11">
        <v>0</v>
      </c>
      <c r="L253" s="11">
        <v>0</v>
      </c>
    </row>
    <row r="254" spans="1:12" ht="21.75" customHeight="1" x14ac:dyDescent="0.2">
      <c r="A254" s="5">
        <v>253</v>
      </c>
      <c r="B254" s="16" t="s">
        <v>12</v>
      </c>
      <c r="C254" s="6" t="s">
        <v>13</v>
      </c>
      <c r="D254" s="7" t="s">
        <v>730</v>
      </c>
      <c r="E254" s="18" t="s">
        <v>731</v>
      </c>
      <c r="F254" s="8">
        <v>0</v>
      </c>
      <c r="G254" s="5" t="s">
        <v>724</v>
      </c>
      <c r="H254" s="6" t="s">
        <v>732</v>
      </c>
      <c r="I254" s="9">
        <v>8020005007345</v>
      </c>
      <c r="K254" s="11">
        <v>0</v>
      </c>
      <c r="L254" s="11">
        <v>0</v>
      </c>
    </row>
    <row r="255" spans="1:12" ht="21.75" customHeight="1" x14ac:dyDescent="0.2">
      <c r="A255" s="5">
        <v>254</v>
      </c>
      <c r="B255" s="16" t="s">
        <v>12</v>
      </c>
      <c r="C255" s="6" t="s">
        <v>13</v>
      </c>
      <c r="D255" s="7" t="s">
        <v>733</v>
      </c>
      <c r="E255" s="18" t="s">
        <v>723</v>
      </c>
      <c r="F255" s="8">
        <v>0</v>
      </c>
      <c r="G255" s="5" t="s">
        <v>724</v>
      </c>
      <c r="H255" s="6" t="s">
        <v>734</v>
      </c>
      <c r="I255" s="9">
        <v>6020005007339</v>
      </c>
      <c r="K255" s="11">
        <v>0</v>
      </c>
      <c r="L255" s="11">
        <v>0</v>
      </c>
    </row>
    <row r="256" spans="1:12" ht="21.75" customHeight="1" x14ac:dyDescent="0.2">
      <c r="A256" s="5">
        <v>255</v>
      </c>
      <c r="B256" s="16" t="s">
        <v>12</v>
      </c>
      <c r="C256" s="6" t="s">
        <v>13</v>
      </c>
      <c r="D256" s="7" t="s">
        <v>735</v>
      </c>
      <c r="E256" s="18" t="s">
        <v>723</v>
      </c>
      <c r="F256" s="8">
        <v>0</v>
      </c>
      <c r="G256" s="5" t="s">
        <v>724</v>
      </c>
      <c r="H256" s="6" t="s">
        <v>736</v>
      </c>
      <c r="I256" s="9">
        <v>4020005007340</v>
      </c>
      <c r="K256" s="11">
        <v>0</v>
      </c>
      <c r="L256" s="11">
        <v>0</v>
      </c>
    </row>
    <row r="257" spans="1:12" ht="21.75" customHeight="1" x14ac:dyDescent="0.2">
      <c r="A257" s="5">
        <v>256</v>
      </c>
      <c r="B257" s="16" t="s">
        <v>12</v>
      </c>
      <c r="C257" s="6" t="s">
        <v>13</v>
      </c>
      <c r="D257" s="7" t="s">
        <v>737</v>
      </c>
      <c r="E257" s="18" t="s">
        <v>723</v>
      </c>
      <c r="F257" s="8">
        <v>0</v>
      </c>
      <c r="G257" s="5" t="s">
        <v>724</v>
      </c>
      <c r="H257" s="6" t="s">
        <v>738</v>
      </c>
      <c r="I257" s="9">
        <v>3020005007201</v>
      </c>
      <c r="K257" s="11">
        <v>0</v>
      </c>
      <c r="L257" s="11">
        <v>0</v>
      </c>
    </row>
    <row r="258" spans="1:12" ht="21.75" customHeight="1" x14ac:dyDescent="0.2">
      <c r="A258" s="5">
        <v>257</v>
      </c>
      <c r="B258" s="16" t="s">
        <v>12</v>
      </c>
      <c r="C258" s="6" t="s">
        <v>13</v>
      </c>
      <c r="D258" s="7" t="s">
        <v>739</v>
      </c>
      <c r="E258" s="18" t="s">
        <v>723</v>
      </c>
      <c r="F258" s="8">
        <v>0</v>
      </c>
      <c r="G258" s="5" t="s">
        <v>724</v>
      </c>
      <c r="H258" s="6" t="s">
        <v>740</v>
      </c>
      <c r="I258" s="9">
        <v>7020005007395</v>
      </c>
      <c r="K258" s="11">
        <v>0</v>
      </c>
      <c r="L258" s="11">
        <v>0</v>
      </c>
    </row>
    <row r="259" spans="1:12" ht="21.75" customHeight="1" x14ac:dyDescent="0.2">
      <c r="A259" s="5">
        <v>258</v>
      </c>
      <c r="B259" s="16" t="s">
        <v>12</v>
      </c>
      <c r="C259" s="6" t="s">
        <v>13</v>
      </c>
      <c r="D259" s="7" t="s">
        <v>741</v>
      </c>
      <c r="E259" s="18" t="s">
        <v>500</v>
      </c>
      <c r="F259" s="8">
        <v>0</v>
      </c>
      <c r="G259" s="5" t="s">
        <v>724</v>
      </c>
      <c r="H259" s="6" t="s">
        <v>742</v>
      </c>
      <c r="I259" s="9">
        <v>6020005007405</v>
      </c>
      <c r="K259" s="11">
        <v>0</v>
      </c>
      <c r="L259" s="11">
        <v>0</v>
      </c>
    </row>
    <row r="260" spans="1:12" ht="21.75" customHeight="1" x14ac:dyDescent="0.2">
      <c r="A260" s="5">
        <v>259</v>
      </c>
      <c r="B260" s="16" t="s">
        <v>12</v>
      </c>
      <c r="C260" s="6" t="s">
        <v>13</v>
      </c>
      <c r="D260" s="7" t="s">
        <v>743</v>
      </c>
      <c r="E260" s="18" t="s">
        <v>723</v>
      </c>
      <c r="F260" s="8">
        <v>0</v>
      </c>
      <c r="G260" s="5" t="s">
        <v>724</v>
      </c>
      <c r="H260" s="6" t="s">
        <v>744</v>
      </c>
      <c r="I260" s="9">
        <v>2020005007433</v>
      </c>
      <c r="K260" s="11">
        <v>0</v>
      </c>
      <c r="L260" s="11">
        <v>0</v>
      </c>
    </row>
    <row r="261" spans="1:12" ht="21.75" customHeight="1" x14ac:dyDescent="0.2">
      <c r="A261" s="5">
        <v>260</v>
      </c>
      <c r="B261" s="16" t="s">
        <v>12</v>
      </c>
      <c r="C261" s="6" t="s">
        <v>13</v>
      </c>
      <c r="D261" s="7" t="s">
        <v>745</v>
      </c>
      <c r="E261" s="18" t="s">
        <v>723</v>
      </c>
      <c r="F261" s="8">
        <v>0</v>
      </c>
      <c r="G261" s="5" t="s">
        <v>724</v>
      </c>
      <c r="H261" s="6" t="s">
        <v>746</v>
      </c>
      <c r="I261" s="9">
        <v>6020005007438</v>
      </c>
      <c r="K261" s="11">
        <v>0</v>
      </c>
      <c r="L261" s="11">
        <v>0</v>
      </c>
    </row>
    <row r="262" spans="1:12" ht="21.75" customHeight="1" x14ac:dyDescent="0.2">
      <c r="A262" s="5">
        <v>261</v>
      </c>
      <c r="B262" s="16" t="s">
        <v>12</v>
      </c>
      <c r="C262" s="6" t="s">
        <v>13</v>
      </c>
      <c r="D262" s="7" t="s">
        <v>747</v>
      </c>
      <c r="E262" s="18" t="s">
        <v>723</v>
      </c>
      <c r="F262" s="8">
        <v>0</v>
      </c>
      <c r="G262" s="5" t="s">
        <v>724</v>
      </c>
      <c r="H262" s="6" t="s">
        <v>748</v>
      </c>
      <c r="I262" s="9">
        <v>8020005007485</v>
      </c>
      <c r="K262" s="11">
        <v>0</v>
      </c>
      <c r="L262" s="11">
        <v>0</v>
      </c>
    </row>
    <row r="263" spans="1:12" ht="21.75" customHeight="1" x14ac:dyDescent="0.2">
      <c r="A263" s="5">
        <v>262</v>
      </c>
      <c r="B263" s="16" t="s">
        <v>50</v>
      </c>
      <c r="C263" s="6" t="s">
        <v>51</v>
      </c>
      <c r="D263" s="7" t="s">
        <v>129</v>
      </c>
      <c r="E263" s="18" t="s">
        <v>749</v>
      </c>
      <c r="F263" s="8">
        <v>0</v>
      </c>
      <c r="G263" s="5" t="s">
        <v>724</v>
      </c>
      <c r="H263" s="6" t="s">
        <v>750</v>
      </c>
      <c r="I263" s="9">
        <v>9020005007237</v>
      </c>
      <c r="K263" s="11">
        <v>0</v>
      </c>
      <c r="L263" s="11">
        <v>0</v>
      </c>
    </row>
    <row r="264" spans="1:12" ht="21.75" customHeight="1" x14ac:dyDescent="0.2">
      <c r="A264" s="5">
        <v>263</v>
      </c>
      <c r="B264" s="16" t="s">
        <v>50</v>
      </c>
      <c r="C264" s="6" t="s">
        <v>51</v>
      </c>
      <c r="D264" s="7" t="s">
        <v>396</v>
      </c>
      <c r="E264" s="18" t="s">
        <v>751</v>
      </c>
      <c r="F264" s="8">
        <v>0</v>
      </c>
      <c r="G264" s="5" t="s">
        <v>724</v>
      </c>
      <c r="H264" s="6" t="s">
        <v>752</v>
      </c>
      <c r="I264" s="9">
        <v>3020005007382</v>
      </c>
      <c r="K264" s="11">
        <v>0</v>
      </c>
      <c r="L264" s="11">
        <v>0</v>
      </c>
    </row>
    <row r="265" spans="1:12" ht="21.75" customHeight="1" x14ac:dyDescent="0.2">
      <c r="A265" s="5">
        <v>264</v>
      </c>
      <c r="B265" s="16" t="s">
        <v>50</v>
      </c>
      <c r="C265" s="6" t="s">
        <v>51</v>
      </c>
      <c r="D265" s="7" t="s">
        <v>753</v>
      </c>
      <c r="E265" s="18" t="s">
        <v>754</v>
      </c>
      <c r="F265" s="8">
        <v>0</v>
      </c>
      <c r="G265" s="5" t="s">
        <v>724</v>
      </c>
      <c r="H265" s="6" t="s">
        <v>755</v>
      </c>
      <c r="I265" s="9">
        <v>3020005007449</v>
      </c>
      <c r="K265" s="11">
        <v>0</v>
      </c>
      <c r="L265" s="11">
        <v>0</v>
      </c>
    </row>
    <row r="266" spans="1:12" ht="21.75" customHeight="1" x14ac:dyDescent="0.2">
      <c r="A266" s="5">
        <v>265</v>
      </c>
      <c r="B266" s="16" t="s">
        <v>50</v>
      </c>
      <c r="C266" s="6" t="s">
        <v>51</v>
      </c>
      <c r="D266" s="7" t="s">
        <v>756</v>
      </c>
      <c r="E266" s="18" t="s">
        <v>757</v>
      </c>
      <c r="F266" s="8">
        <v>0</v>
      </c>
      <c r="G266" s="5" t="s">
        <v>724</v>
      </c>
      <c r="H266" s="6" t="s">
        <v>758</v>
      </c>
      <c r="I266" s="9">
        <v>1020005007459</v>
      </c>
      <c r="K266" s="11">
        <v>0</v>
      </c>
      <c r="L266" s="11">
        <v>0</v>
      </c>
    </row>
    <row r="267" spans="1:12" ht="21.75" customHeight="1" x14ac:dyDescent="0.2">
      <c r="A267" s="5">
        <v>266</v>
      </c>
      <c r="B267" s="16" t="s">
        <v>50</v>
      </c>
      <c r="C267" s="6" t="s">
        <v>51</v>
      </c>
      <c r="D267" s="7" t="s">
        <v>759</v>
      </c>
      <c r="E267" s="18" t="s">
        <v>760</v>
      </c>
      <c r="F267" s="8">
        <v>0</v>
      </c>
      <c r="G267" s="5" t="s">
        <v>724</v>
      </c>
      <c r="H267" s="6" t="s">
        <v>761</v>
      </c>
      <c r="I267" s="9">
        <v>3020005007473</v>
      </c>
      <c r="K267" s="11">
        <v>0</v>
      </c>
      <c r="L267" s="11">
        <v>0</v>
      </c>
    </row>
    <row r="268" spans="1:12" ht="21.75" customHeight="1" x14ac:dyDescent="0.2">
      <c r="A268" s="5">
        <v>267</v>
      </c>
      <c r="B268" s="16" t="s">
        <v>50</v>
      </c>
      <c r="C268" s="6" t="s">
        <v>51</v>
      </c>
      <c r="D268" s="7" t="s">
        <v>762</v>
      </c>
      <c r="E268" s="18" t="s">
        <v>763</v>
      </c>
      <c r="F268" s="8">
        <v>0</v>
      </c>
      <c r="G268" s="5" t="s">
        <v>724</v>
      </c>
      <c r="H268" s="6" t="s">
        <v>764</v>
      </c>
      <c r="I268" s="9">
        <v>6020005007495</v>
      </c>
      <c r="K268" s="11">
        <v>0</v>
      </c>
      <c r="L268" s="11">
        <v>0</v>
      </c>
    </row>
    <row r="269" spans="1:12" ht="21.75" customHeight="1" x14ac:dyDescent="0.2">
      <c r="A269" s="5">
        <v>268</v>
      </c>
      <c r="B269" s="16" t="s">
        <v>50</v>
      </c>
      <c r="C269" s="6" t="s">
        <v>411</v>
      </c>
      <c r="D269" s="7" t="s">
        <v>129</v>
      </c>
      <c r="E269" s="18" t="s">
        <v>765</v>
      </c>
      <c r="F269" s="8">
        <v>0</v>
      </c>
      <c r="G269" s="5" t="s">
        <v>724</v>
      </c>
      <c r="H269" s="6" t="s">
        <v>766</v>
      </c>
      <c r="I269" s="9">
        <v>7020005007239</v>
      </c>
      <c r="K269" s="11">
        <v>0</v>
      </c>
      <c r="L269" s="11">
        <v>0</v>
      </c>
    </row>
    <row r="270" spans="1:12" ht="21.75" customHeight="1" x14ac:dyDescent="0.2">
      <c r="A270" s="5">
        <v>269</v>
      </c>
      <c r="B270" s="16" t="s">
        <v>50</v>
      </c>
      <c r="C270" s="6" t="s">
        <v>411</v>
      </c>
      <c r="D270" s="7" t="s">
        <v>767</v>
      </c>
      <c r="E270" s="18" t="s">
        <v>768</v>
      </c>
      <c r="F270" s="8">
        <v>0</v>
      </c>
      <c r="G270" s="5" t="s">
        <v>724</v>
      </c>
      <c r="H270" s="6" t="s">
        <v>769</v>
      </c>
      <c r="I270" s="9">
        <v>3020005007267</v>
      </c>
      <c r="K270" s="11">
        <v>0</v>
      </c>
      <c r="L270" s="11">
        <v>0</v>
      </c>
    </row>
    <row r="271" spans="1:12" ht="21.75" customHeight="1" x14ac:dyDescent="0.2">
      <c r="A271" s="5">
        <v>270</v>
      </c>
      <c r="B271" s="16" t="s">
        <v>50</v>
      </c>
      <c r="C271" s="6" t="s">
        <v>411</v>
      </c>
      <c r="D271" s="7" t="s">
        <v>770</v>
      </c>
      <c r="E271" s="18" t="s">
        <v>771</v>
      </c>
      <c r="F271" s="8">
        <v>0</v>
      </c>
      <c r="G271" s="5" t="s">
        <v>724</v>
      </c>
      <c r="H271" s="6" t="s">
        <v>772</v>
      </c>
      <c r="I271" s="9">
        <v>4020005007266</v>
      </c>
      <c r="K271" s="11">
        <v>0</v>
      </c>
      <c r="L271" s="11">
        <v>0</v>
      </c>
    </row>
    <row r="272" spans="1:12" ht="21.75" customHeight="1" x14ac:dyDescent="0.2">
      <c r="A272" s="5">
        <v>271</v>
      </c>
      <c r="B272" s="16" t="s">
        <v>50</v>
      </c>
      <c r="C272" s="6" t="s">
        <v>411</v>
      </c>
      <c r="D272" s="7" t="s">
        <v>773</v>
      </c>
      <c r="E272" s="18" t="s">
        <v>774</v>
      </c>
      <c r="F272" s="8">
        <v>0</v>
      </c>
      <c r="G272" s="5" t="s">
        <v>724</v>
      </c>
      <c r="H272" s="6" t="s">
        <v>775</v>
      </c>
      <c r="I272" s="9">
        <v>8020005007320</v>
      </c>
      <c r="K272" s="11">
        <v>0</v>
      </c>
      <c r="L272" s="11">
        <v>0</v>
      </c>
    </row>
    <row r="273" spans="1:12" ht="21.75" customHeight="1" x14ac:dyDescent="0.2">
      <c r="A273" s="5">
        <v>272</v>
      </c>
      <c r="B273" s="16" t="s">
        <v>50</v>
      </c>
      <c r="C273" s="6" t="s">
        <v>104</v>
      </c>
      <c r="D273" s="7" t="s">
        <v>776</v>
      </c>
      <c r="E273" s="18" t="s">
        <v>777</v>
      </c>
      <c r="F273" s="8">
        <v>0</v>
      </c>
      <c r="G273" s="5" t="s">
        <v>724</v>
      </c>
      <c r="H273" s="6" t="s">
        <v>778</v>
      </c>
      <c r="I273" s="9">
        <v>9020005007492</v>
      </c>
      <c r="J273" s="10" t="s">
        <v>948</v>
      </c>
      <c r="K273" s="11" t="s">
        <v>779</v>
      </c>
      <c r="L273" s="11">
        <v>0</v>
      </c>
    </row>
    <row r="274" spans="1:12" ht="21.75" customHeight="1" x14ac:dyDescent="0.2">
      <c r="A274" s="5">
        <v>273</v>
      </c>
      <c r="B274" s="16" t="s">
        <v>50</v>
      </c>
      <c r="C274" s="6" t="s">
        <v>114</v>
      </c>
      <c r="D274" s="7" t="s">
        <v>780</v>
      </c>
      <c r="E274" s="18" t="s">
        <v>781</v>
      </c>
      <c r="F274" s="8">
        <v>0</v>
      </c>
      <c r="G274" s="5" t="s">
        <v>724</v>
      </c>
      <c r="H274" s="6" t="s">
        <v>782</v>
      </c>
      <c r="I274" s="9">
        <v>1020005007384</v>
      </c>
      <c r="K274" s="11">
        <v>0</v>
      </c>
      <c r="L274" s="11">
        <v>0</v>
      </c>
    </row>
    <row r="275" spans="1:12" ht="21.75" customHeight="1" x14ac:dyDescent="0.2">
      <c r="A275" s="5">
        <v>274</v>
      </c>
      <c r="B275" s="16" t="s">
        <v>50</v>
      </c>
      <c r="C275" s="6" t="s">
        <v>783</v>
      </c>
      <c r="D275" s="7" t="s">
        <v>784</v>
      </c>
      <c r="E275" s="18" t="s">
        <v>785</v>
      </c>
      <c r="F275" s="8">
        <v>0</v>
      </c>
      <c r="G275" s="5" t="s">
        <v>724</v>
      </c>
      <c r="H275" s="6" t="s">
        <v>786</v>
      </c>
      <c r="I275" s="9">
        <v>5020005007249</v>
      </c>
      <c r="K275" s="11">
        <v>0</v>
      </c>
      <c r="L275" s="11">
        <v>0</v>
      </c>
    </row>
    <row r="276" spans="1:12" ht="21.75" customHeight="1" x14ac:dyDescent="0.2">
      <c r="A276" s="5">
        <v>275</v>
      </c>
      <c r="B276" s="16" t="s">
        <v>50</v>
      </c>
      <c r="C276" s="6" t="s">
        <v>783</v>
      </c>
      <c r="D276" s="7" t="s">
        <v>787</v>
      </c>
      <c r="E276" s="18" t="s">
        <v>788</v>
      </c>
      <c r="F276" s="8">
        <v>0</v>
      </c>
      <c r="G276" s="5" t="s">
        <v>724</v>
      </c>
      <c r="H276" s="6" t="s">
        <v>789</v>
      </c>
      <c r="I276" s="9">
        <v>2020005007284</v>
      </c>
      <c r="K276" s="11">
        <v>0</v>
      </c>
      <c r="L276" s="11">
        <v>0</v>
      </c>
    </row>
    <row r="277" spans="1:12" ht="21.75" customHeight="1" x14ac:dyDescent="0.2">
      <c r="A277" s="5">
        <v>276</v>
      </c>
      <c r="B277" s="16" t="s">
        <v>50</v>
      </c>
      <c r="C277" s="6" t="s">
        <v>783</v>
      </c>
      <c r="D277" s="7" t="s">
        <v>790</v>
      </c>
      <c r="E277" s="18" t="s">
        <v>791</v>
      </c>
      <c r="F277" s="8">
        <v>0</v>
      </c>
      <c r="G277" s="5" t="s">
        <v>724</v>
      </c>
      <c r="H277" s="6" t="s">
        <v>792</v>
      </c>
      <c r="I277" s="9">
        <v>7020005007379</v>
      </c>
      <c r="K277" s="11">
        <v>0</v>
      </c>
      <c r="L277" s="11">
        <v>0</v>
      </c>
    </row>
    <row r="278" spans="1:12" ht="21.75" customHeight="1" x14ac:dyDescent="0.2">
      <c r="A278" s="5">
        <v>277</v>
      </c>
      <c r="B278" s="16" t="s">
        <v>50</v>
      </c>
      <c r="C278" s="6" t="s">
        <v>128</v>
      </c>
      <c r="D278" s="7" t="s">
        <v>793</v>
      </c>
      <c r="E278" s="18" t="s">
        <v>794</v>
      </c>
      <c r="F278" s="8">
        <v>0</v>
      </c>
      <c r="G278" s="5" t="s">
        <v>724</v>
      </c>
      <c r="H278" s="6" t="s">
        <v>795</v>
      </c>
      <c r="I278" s="9">
        <v>9020005007360</v>
      </c>
      <c r="K278" s="11">
        <v>0</v>
      </c>
      <c r="L278" s="11">
        <v>0</v>
      </c>
    </row>
    <row r="279" spans="1:12" ht="21.75" customHeight="1" x14ac:dyDescent="0.2">
      <c r="A279" s="5">
        <v>278</v>
      </c>
      <c r="B279" s="16" t="s">
        <v>50</v>
      </c>
      <c r="C279" s="6" t="s">
        <v>135</v>
      </c>
      <c r="D279" s="7" t="s">
        <v>796</v>
      </c>
      <c r="E279" s="18" t="s">
        <v>797</v>
      </c>
      <c r="F279" s="8">
        <v>0</v>
      </c>
      <c r="G279" s="5" t="s">
        <v>724</v>
      </c>
      <c r="H279" s="6" t="s">
        <v>798</v>
      </c>
      <c r="I279" s="9">
        <v>5020005007199</v>
      </c>
      <c r="K279" s="11">
        <v>0</v>
      </c>
      <c r="L279" s="11">
        <v>0</v>
      </c>
    </row>
    <row r="280" spans="1:12" ht="21.75" customHeight="1" x14ac:dyDescent="0.2">
      <c r="A280" s="5">
        <v>279</v>
      </c>
      <c r="B280" s="16" t="s">
        <v>50</v>
      </c>
      <c r="C280" s="6" t="s">
        <v>135</v>
      </c>
      <c r="D280" s="7" t="s">
        <v>799</v>
      </c>
      <c r="E280" s="18" t="s">
        <v>696</v>
      </c>
      <c r="F280" s="8">
        <v>0</v>
      </c>
      <c r="G280" s="5" t="s">
        <v>724</v>
      </c>
      <c r="H280" s="6" t="s">
        <v>800</v>
      </c>
      <c r="I280" s="9">
        <v>2020005007350</v>
      </c>
      <c r="K280" s="11">
        <v>0</v>
      </c>
      <c r="L280" s="11">
        <v>0</v>
      </c>
    </row>
    <row r="281" spans="1:12" ht="21.75" customHeight="1" x14ac:dyDescent="0.2">
      <c r="A281" s="5">
        <v>280</v>
      </c>
      <c r="B281" s="16" t="s">
        <v>50</v>
      </c>
      <c r="C281" s="6" t="s">
        <v>135</v>
      </c>
      <c r="D281" s="7" t="s">
        <v>801</v>
      </c>
      <c r="E281" s="18" t="s">
        <v>802</v>
      </c>
      <c r="F281" s="8">
        <v>0</v>
      </c>
      <c r="G281" s="5" t="s">
        <v>724</v>
      </c>
      <c r="H281" s="6" t="s">
        <v>803</v>
      </c>
      <c r="I281" s="9">
        <v>5020005007463</v>
      </c>
      <c r="K281" s="11">
        <v>0</v>
      </c>
      <c r="L281" s="11">
        <v>0</v>
      </c>
    </row>
    <row r="282" spans="1:12" ht="21.75" customHeight="1" x14ac:dyDescent="0.2">
      <c r="A282" s="5">
        <v>281</v>
      </c>
      <c r="B282" s="16" t="s">
        <v>50</v>
      </c>
      <c r="C282" s="6" t="s">
        <v>457</v>
      </c>
      <c r="D282" s="7" t="s">
        <v>804</v>
      </c>
      <c r="E282" s="18" t="s">
        <v>805</v>
      </c>
      <c r="F282" s="8">
        <v>0</v>
      </c>
      <c r="G282" s="5" t="s">
        <v>724</v>
      </c>
      <c r="H282" s="6" t="s">
        <v>806</v>
      </c>
      <c r="I282" s="9">
        <v>6020005007330</v>
      </c>
      <c r="K282" s="11">
        <v>0</v>
      </c>
      <c r="L282" s="11">
        <v>0</v>
      </c>
    </row>
    <row r="283" spans="1:12" ht="21.75" customHeight="1" x14ac:dyDescent="0.2">
      <c r="A283" s="5">
        <v>282</v>
      </c>
      <c r="B283" s="16" t="s">
        <v>949</v>
      </c>
      <c r="C283" s="6" t="s">
        <v>150</v>
      </c>
      <c r="D283" s="7" t="s">
        <v>807</v>
      </c>
      <c r="E283" s="18" t="s">
        <v>808</v>
      </c>
      <c r="F283" s="8">
        <v>0</v>
      </c>
      <c r="G283" s="5" t="s">
        <v>724</v>
      </c>
      <c r="H283" s="6" t="s">
        <v>809</v>
      </c>
      <c r="I283" s="9">
        <v>5020005007422</v>
      </c>
      <c r="K283" s="11">
        <v>0</v>
      </c>
      <c r="L283" s="11">
        <v>0</v>
      </c>
    </row>
    <row r="284" spans="1:12" ht="21.75" customHeight="1" x14ac:dyDescent="0.2">
      <c r="A284" s="5">
        <v>283</v>
      </c>
      <c r="B284" s="16" t="s">
        <v>949</v>
      </c>
      <c r="C284" s="6" t="s">
        <v>150</v>
      </c>
      <c r="D284" s="7" t="s">
        <v>810</v>
      </c>
      <c r="E284" s="18" t="s">
        <v>811</v>
      </c>
      <c r="F284" s="8">
        <v>0</v>
      </c>
      <c r="G284" s="5" t="s">
        <v>724</v>
      </c>
      <c r="H284" s="6" t="s">
        <v>812</v>
      </c>
      <c r="I284" s="9">
        <v>1020005007426</v>
      </c>
      <c r="K284" s="11">
        <v>0</v>
      </c>
      <c r="L284" s="11">
        <v>0</v>
      </c>
    </row>
    <row r="285" spans="1:12" ht="21.75" customHeight="1" x14ac:dyDescent="0.2">
      <c r="A285" s="5">
        <v>284</v>
      </c>
      <c r="B285" s="16" t="s">
        <v>949</v>
      </c>
      <c r="C285" s="6" t="s">
        <v>150</v>
      </c>
      <c r="D285" s="7" t="s">
        <v>813</v>
      </c>
      <c r="E285" s="18" t="s">
        <v>814</v>
      </c>
      <c r="F285" s="8">
        <v>0</v>
      </c>
      <c r="G285" s="5" t="s">
        <v>724</v>
      </c>
      <c r="H285" s="6" t="s">
        <v>815</v>
      </c>
      <c r="I285" s="9">
        <v>8020005007428</v>
      </c>
      <c r="K285" s="11">
        <v>0</v>
      </c>
      <c r="L285" s="11">
        <v>0</v>
      </c>
    </row>
    <row r="286" spans="1:12" ht="21.75" customHeight="1" x14ac:dyDescent="0.2">
      <c r="A286" s="5">
        <v>285</v>
      </c>
      <c r="B286" s="16" t="s">
        <v>949</v>
      </c>
      <c r="C286" s="6" t="s">
        <v>624</v>
      </c>
      <c r="D286" s="7" t="s">
        <v>816</v>
      </c>
      <c r="E286" s="18" t="s">
        <v>817</v>
      </c>
      <c r="F286" s="8">
        <v>0</v>
      </c>
      <c r="G286" s="5" t="s">
        <v>724</v>
      </c>
      <c r="H286" s="6" t="s">
        <v>818</v>
      </c>
      <c r="I286" s="9">
        <v>1020005007418</v>
      </c>
      <c r="K286" s="11">
        <v>0</v>
      </c>
      <c r="L286" s="11">
        <v>0</v>
      </c>
    </row>
    <row r="287" spans="1:12" ht="21.75" customHeight="1" x14ac:dyDescent="0.2">
      <c r="A287" s="5">
        <v>286</v>
      </c>
      <c r="B287" s="16" t="s">
        <v>949</v>
      </c>
      <c r="C287" s="6" t="s">
        <v>168</v>
      </c>
      <c r="D287" s="7" t="s">
        <v>819</v>
      </c>
      <c r="E287" s="18" t="s">
        <v>820</v>
      </c>
      <c r="F287" s="8">
        <v>0</v>
      </c>
      <c r="G287" s="5" t="s">
        <v>724</v>
      </c>
      <c r="H287" s="6" t="s">
        <v>821</v>
      </c>
      <c r="I287" s="9">
        <v>2020005012813</v>
      </c>
      <c r="K287" s="11">
        <v>0</v>
      </c>
      <c r="L287" s="11">
        <v>0</v>
      </c>
    </row>
    <row r="288" spans="1:12" ht="21.75" customHeight="1" x14ac:dyDescent="0.2">
      <c r="A288" s="5">
        <v>287</v>
      </c>
      <c r="B288" s="16" t="s">
        <v>949</v>
      </c>
      <c r="C288" s="6" t="s">
        <v>168</v>
      </c>
      <c r="D288" s="7" t="s">
        <v>822</v>
      </c>
      <c r="E288" s="18" t="s">
        <v>823</v>
      </c>
      <c r="F288" s="8">
        <v>0</v>
      </c>
      <c r="G288" s="5" t="s">
        <v>724</v>
      </c>
      <c r="H288" s="6" t="s">
        <v>824</v>
      </c>
      <c r="I288" s="9">
        <v>4020005014634</v>
      </c>
      <c r="K288" s="11">
        <v>0</v>
      </c>
      <c r="L288" s="11">
        <v>0</v>
      </c>
    </row>
    <row r="289" spans="1:12" ht="21.75" customHeight="1" x14ac:dyDescent="0.2">
      <c r="A289" s="5">
        <v>288</v>
      </c>
      <c r="B289" s="16" t="s">
        <v>949</v>
      </c>
      <c r="C289" s="6" t="s">
        <v>168</v>
      </c>
      <c r="D289" s="7" t="s">
        <v>825</v>
      </c>
      <c r="E289" s="18" t="s">
        <v>826</v>
      </c>
      <c r="F289" s="8">
        <v>0</v>
      </c>
      <c r="G289" s="5" t="s">
        <v>724</v>
      </c>
      <c r="H289" s="6" t="s">
        <v>827</v>
      </c>
      <c r="I289" s="9">
        <v>5020005007406</v>
      </c>
      <c r="K289" s="11">
        <v>0</v>
      </c>
      <c r="L289" s="11">
        <v>0</v>
      </c>
    </row>
    <row r="290" spans="1:12" ht="21.75" customHeight="1" x14ac:dyDescent="0.2">
      <c r="A290" s="5">
        <v>289</v>
      </c>
      <c r="B290" s="16" t="s">
        <v>949</v>
      </c>
      <c r="C290" s="6" t="s">
        <v>168</v>
      </c>
      <c r="D290" s="7" t="s">
        <v>828</v>
      </c>
      <c r="E290" s="18" t="s">
        <v>829</v>
      </c>
      <c r="F290" s="8">
        <v>0</v>
      </c>
      <c r="G290" s="5" t="s">
        <v>724</v>
      </c>
      <c r="H290" s="6" t="s">
        <v>830</v>
      </c>
      <c r="I290" s="9">
        <v>9020005007435</v>
      </c>
      <c r="K290" s="11">
        <v>0</v>
      </c>
      <c r="L290" s="11">
        <v>0</v>
      </c>
    </row>
    <row r="291" spans="1:12" ht="21.75" customHeight="1" x14ac:dyDescent="0.2">
      <c r="A291" s="5">
        <v>290</v>
      </c>
      <c r="B291" s="16" t="s">
        <v>949</v>
      </c>
      <c r="C291" s="6" t="s">
        <v>168</v>
      </c>
      <c r="D291" s="7" t="s">
        <v>951</v>
      </c>
      <c r="E291" s="18" t="s">
        <v>831</v>
      </c>
      <c r="F291" s="8">
        <v>0</v>
      </c>
      <c r="G291" s="5" t="s">
        <v>724</v>
      </c>
      <c r="H291" s="6" t="s">
        <v>832</v>
      </c>
      <c r="I291" s="9">
        <v>8020005011719</v>
      </c>
      <c r="K291" s="11">
        <v>0</v>
      </c>
      <c r="L291" s="11">
        <v>0</v>
      </c>
    </row>
    <row r="292" spans="1:12" ht="21.75" customHeight="1" x14ac:dyDescent="0.2">
      <c r="A292" s="5">
        <v>291</v>
      </c>
      <c r="B292" s="16" t="s">
        <v>174</v>
      </c>
      <c r="C292" s="6" t="s">
        <v>175</v>
      </c>
      <c r="D292" s="7" t="s">
        <v>833</v>
      </c>
      <c r="E292" s="18" t="s">
        <v>834</v>
      </c>
      <c r="F292" s="8">
        <v>0</v>
      </c>
      <c r="G292" s="5" t="s">
        <v>724</v>
      </c>
      <c r="H292" s="6" t="s">
        <v>835</v>
      </c>
      <c r="I292" s="9">
        <v>3020005007192</v>
      </c>
      <c r="K292" s="11">
        <v>0</v>
      </c>
      <c r="L292" s="11">
        <v>0</v>
      </c>
    </row>
    <row r="293" spans="1:12" ht="21.75" customHeight="1" x14ac:dyDescent="0.2">
      <c r="A293" s="5">
        <v>292</v>
      </c>
      <c r="B293" s="16" t="s">
        <v>174</v>
      </c>
      <c r="C293" s="6" t="s">
        <v>175</v>
      </c>
      <c r="D293" s="7" t="s">
        <v>836</v>
      </c>
      <c r="E293" s="18" t="s">
        <v>837</v>
      </c>
      <c r="F293" s="8">
        <v>0</v>
      </c>
      <c r="G293" s="5" t="s">
        <v>724</v>
      </c>
      <c r="H293" s="6" t="s">
        <v>838</v>
      </c>
      <c r="I293" s="9">
        <v>2020005007160</v>
      </c>
      <c r="K293" s="11">
        <v>0</v>
      </c>
      <c r="L293" s="11">
        <v>0</v>
      </c>
    </row>
    <row r="294" spans="1:12" ht="21.75" customHeight="1" x14ac:dyDescent="0.2">
      <c r="A294" s="5">
        <v>293</v>
      </c>
      <c r="B294" s="16" t="s">
        <v>174</v>
      </c>
      <c r="C294" s="6" t="s">
        <v>175</v>
      </c>
      <c r="D294" s="7" t="s">
        <v>839</v>
      </c>
      <c r="E294" s="18" t="s">
        <v>840</v>
      </c>
      <c r="F294" s="8">
        <v>0</v>
      </c>
      <c r="G294" s="5" t="s">
        <v>724</v>
      </c>
      <c r="H294" s="6" t="s">
        <v>841</v>
      </c>
      <c r="I294" s="9">
        <v>8020005007196</v>
      </c>
      <c r="K294" s="11">
        <v>0</v>
      </c>
      <c r="L294" s="11">
        <v>0</v>
      </c>
    </row>
    <row r="295" spans="1:12" ht="21.75" customHeight="1" x14ac:dyDescent="0.2">
      <c r="A295" s="5">
        <v>294</v>
      </c>
      <c r="B295" s="16" t="s">
        <v>174</v>
      </c>
      <c r="C295" s="6" t="s">
        <v>175</v>
      </c>
      <c r="D295" s="7" t="s">
        <v>842</v>
      </c>
      <c r="E295" s="18" t="s">
        <v>843</v>
      </c>
      <c r="F295" s="8">
        <v>0</v>
      </c>
      <c r="G295" s="5" t="s">
        <v>724</v>
      </c>
      <c r="H295" s="6" t="s">
        <v>844</v>
      </c>
      <c r="I295" s="9">
        <v>9020005007162</v>
      </c>
      <c r="K295" s="11">
        <v>0</v>
      </c>
      <c r="L295" s="11">
        <v>0</v>
      </c>
    </row>
    <row r="296" spans="1:12" ht="21.75" customHeight="1" x14ac:dyDescent="0.2">
      <c r="A296" s="5">
        <v>295</v>
      </c>
      <c r="B296" s="16" t="s">
        <v>12</v>
      </c>
      <c r="C296" s="6" t="s">
        <v>13</v>
      </c>
      <c r="D296" s="7" t="s">
        <v>845</v>
      </c>
      <c r="E296" s="18" t="s">
        <v>846</v>
      </c>
      <c r="F296" s="8">
        <v>0</v>
      </c>
      <c r="G296" s="5" t="s">
        <v>847</v>
      </c>
      <c r="H296" s="6" t="s">
        <v>848</v>
      </c>
      <c r="I296" s="9">
        <v>6020005007231</v>
      </c>
      <c r="K296" s="11">
        <v>0</v>
      </c>
      <c r="L296" s="11">
        <v>0</v>
      </c>
    </row>
    <row r="297" spans="1:12" ht="21.75" customHeight="1" x14ac:dyDescent="0.2">
      <c r="A297" s="5">
        <v>296</v>
      </c>
      <c r="B297" s="16" t="s">
        <v>12</v>
      </c>
      <c r="C297" s="6" t="s">
        <v>13</v>
      </c>
      <c r="D297" s="7" t="s">
        <v>849</v>
      </c>
      <c r="E297" s="18" t="s">
        <v>846</v>
      </c>
      <c r="F297" s="8">
        <v>0</v>
      </c>
      <c r="G297" s="5" t="s">
        <v>847</v>
      </c>
      <c r="H297" s="6" t="s">
        <v>850</v>
      </c>
      <c r="I297" s="9">
        <v>9020005007253</v>
      </c>
      <c r="K297" s="11">
        <v>0</v>
      </c>
      <c r="L297" s="11">
        <v>0</v>
      </c>
    </row>
    <row r="298" spans="1:12" ht="21.75" customHeight="1" x14ac:dyDescent="0.2">
      <c r="A298" s="5">
        <v>297</v>
      </c>
      <c r="B298" s="16" t="s">
        <v>12</v>
      </c>
      <c r="C298" s="6" t="s">
        <v>13</v>
      </c>
      <c r="D298" s="7" t="s">
        <v>851</v>
      </c>
      <c r="E298" s="18" t="s">
        <v>852</v>
      </c>
      <c r="F298" s="8">
        <v>0</v>
      </c>
      <c r="G298" s="5" t="s">
        <v>847</v>
      </c>
      <c r="H298" s="6" t="s">
        <v>853</v>
      </c>
      <c r="I298" s="9">
        <v>1020005007269</v>
      </c>
      <c r="K298" s="11">
        <v>0</v>
      </c>
      <c r="L298" s="11">
        <v>0</v>
      </c>
    </row>
    <row r="299" spans="1:12" ht="21.75" customHeight="1" x14ac:dyDescent="0.2">
      <c r="A299" s="5">
        <v>298</v>
      </c>
      <c r="B299" s="16" t="s">
        <v>12</v>
      </c>
      <c r="C299" s="6" t="s">
        <v>13</v>
      </c>
      <c r="D299" s="7" t="s">
        <v>854</v>
      </c>
      <c r="E299" s="18" t="s">
        <v>846</v>
      </c>
      <c r="F299" s="8">
        <v>0</v>
      </c>
      <c r="G299" s="5" t="s">
        <v>847</v>
      </c>
      <c r="H299" s="6" t="s">
        <v>855</v>
      </c>
      <c r="I299" s="9">
        <v>9020005007303</v>
      </c>
      <c r="K299" s="11">
        <v>0</v>
      </c>
      <c r="L299" s="11">
        <v>0</v>
      </c>
    </row>
    <row r="300" spans="1:12" ht="21.75" customHeight="1" x14ac:dyDescent="0.2">
      <c r="A300" s="5">
        <v>299</v>
      </c>
      <c r="B300" s="16" t="s">
        <v>12</v>
      </c>
      <c r="C300" s="6" t="s">
        <v>13</v>
      </c>
      <c r="D300" s="7" t="s">
        <v>856</v>
      </c>
      <c r="E300" s="18" t="s">
        <v>846</v>
      </c>
      <c r="F300" s="8">
        <v>0</v>
      </c>
      <c r="G300" s="5" t="s">
        <v>847</v>
      </c>
      <c r="H300" s="6" t="s">
        <v>857</v>
      </c>
      <c r="I300" s="9">
        <v>4020005007299</v>
      </c>
      <c r="K300" s="11">
        <v>0</v>
      </c>
      <c r="L300" s="11">
        <v>0</v>
      </c>
    </row>
    <row r="301" spans="1:12" ht="21.75" customHeight="1" x14ac:dyDescent="0.2">
      <c r="A301" s="5">
        <v>300</v>
      </c>
      <c r="B301" s="16" t="s">
        <v>12</v>
      </c>
      <c r="C301" s="6" t="s">
        <v>13</v>
      </c>
      <c r="D301" s="7" t="s">
        <v>858</v>
      </c>
      <c r="E301" s="18" t="s">
        <v>846</v>
      </c>
      <c r="F301" s="8">
        <v>0</v>
      </c>
      <c r="G301" s="5" t="s">
        <v>847</v>
      </c>
      <c r="H301" s="6" t="s">
        <v>859</v>
      </c>
      <c r="I301" s="9">
        <v>2020005007301</v>
      </c>
      <c r="K301" s="11">
        <v>0</v>
      </c>
      <c r="L301" s="11">
        <v>0</v>
      </c>
    </row>
    <row r="302" spans="1:12" ht="21.75" customHeight="1" x14ac:dyDescent="0.2">
      <c r="A302" s="5">
        <v>301</v>
      </c>
      <c r="B302" s="16" t="s">
        <v>12</v>
      </c>
      <c r="C302" s="6" t="s">
        <v>13</v>
      </c>
      <c r="D302" s="7" t="s">
        <v>514</v>
      </c>
      <c r="E302" s="18" t="s">
        <v>723</v>
      </c>
      <c r="F302" s="8">
        <v>0</v>
      </c>
      <c r="G302" s="5" t="s">
        <v>847</v>
      </c>
      <c r="H302" s="6" t="s">
        <v>860</v>
      </c>
      <c r="I302" s="9">
        <v>9020005007294</v>
      </c>
      <c r="K302" s="11">
        <v>0</v>
      </c>
      <c r="L302" s="11">
        <v>0</v>
      </c>
    </row>
    <row r="303" spans="1:12" ht="21.75" customHeight="1" x14ac:dyDescent="0.2">
      <c r="A303" s="5">
        <v>302</v>
      </c>
      <c r="B303" s="16" t="s">
        <v>12</v>
      </c>
      <c r="C303" s="6" t="s">
        <v>13</v>
      </c>
      <c r="D303" s="7" t="s">
        <v>861</v>
      </c>
      <c r="E303" s="18" t="s">
        <v>723</v>
      </c>
      <c r="F303" s="8">
        <v>0</v>
      </c>
      <c r="G303" s="5" t="s">
        <v>847</v>
      </c>
      <c r="H303" s="6" t="s">
        <v>862</v>
      </c>
      <c r="I303" s="9">
        <v>9020005007377</v>
      </c>
      <c r="K303" s="11">
        <v>0</v>
      </c>
      <c r="L303" s="11">
        <v>0</v>
      </c>
    </row>
    <row r="304" spans="1:12" ht="21.75" customHeight="1" x14ac:dyDescent="0.2">
      <c r="A304" s="5">
        <v>303</v>
      </c>
      <c r="B304" s="16" t="s">
        <v>12</v>
      </c>
      <c r="C304" s="6" t="s">
        <v>13</v>
      </c>
      <c r="D304" s="7" t="s">
        <v>863</v>
      </c>
      <c r="E304" s="18" t="s">
        <v>846</v>
      </c>
      <c r="F304" s="8">
        <v>0</v>
      </c>
      <c r="G304" s="5" t="s">
        <v>847</v>
      </c>
      <c r="H304" s="6" t="s">
        <v>864</v>
      </c>
      <c r="I304" s="9">
        <v>6020005007388</v>
      </c>
      <c r="K304" s="11">
        <v>0</v>
      </c>
      <c r="L304" s="11">
        <v>0</v>
      </c>
    </row>
    <row r="305" spans="1:12" ht="21.75" customHeight="1" x14ac:dyDescent="0.2">
      <c r="A305" s="5">
        <v>304</v>
      </c>
      <c r="B305" s="16" t="s">
        <v>12</v>
      </c>
      <c r="C305" s="6" t="s">
        <v>13</v>
      </c>
      <c r="D305" s="7" t="s">
        <v>865</v>
      </c>
      <c r="E305" s="18" t="s">
        <v>846</v>
      </c>
      <c r="F305" s="8">
        <v>0</v>
      </c>
      <c r="G305" s="5" t="s">
        <v>847</v>
      </c>
      <c r="H305" s="6" t="s">
        <v>866</v>
      </c>
      <c r="I305" s="9">
        <v>3020005007432</v>
      </c>
      <c r="K305" s="11">
        <v>0</v>
      </c>
      <c r="L305" s="11">
        <v>0</v>
      </c>
    </row>
    <row r="306" spans="1:12" ht="21.75" customHeight="1" x14ac:dyDescent="0.2">
      <c r="A306" s="5">
        <v>305</v>
      </c>
      <c r="B306" s="16" t="s">
        <v>12</v>
      </c>
      <c r="C306" s="6" t="s">
        <v>13</v>
      </c>
      <c r="D306" s="7" t="s">
        <v>867</v>
      </c>
      <c r="E306" s="18" t="s">
        <v>846</v>
      </c>
      <c r="F306" s="8">
        <v>0</v>
      </c>
      <c r="G306" s="5" t="s">
        <v>847</v>
      </c>
      <c r="H306" s="6" t="s">
        <v>868</v>
      </c>
      <c r="I306" s="9">
        <v>3020005007300</v>
      </c>
      <c r="K306" s="11">
        <v>0</v>
      </c>
      <c r="L306" s="11">
        <v>0</v>
      </c>
    </row>
    <row r="307" spans="1:12" ht="21.75" customHeight="1" x14ac:dyDescent="0.2">
      <c r="A307" s="5">
        <v>306</v>
      </c>
      <c r="B307" s="16" t="s">
        <v>12</v>
      </c>
      <c r="C307" s="6" t="s">
        <v>13</v>
      </c>
      <c r="D307" s="7" t="s">
        <v>538</v>
      </c>
      <c r="E307" s="18" t="s">
        <v>846</v>
      </c>
      <c r="F307" s="8">
        <v>0</v>
      </c>
      <c r="G307" s="5" t="s">
        <v>847</v>
      </c>
      <c r="H307" s="6" t="s">
        <v>869</v>
      </c>
      <c r="I307" s="9">
        <v>6020005007470</v>
      </c>
      <c r="K307" s="11">
        <v>0</v>
      </c>
      <c r="L307" s="11">
        <v>0</v>
      </c>
    </row>
    <row r="308" spans="1:12" ht="21.75" customHeight="1" x14ac:dyDescent="0.2">
      <c r="A308" s="5">
        <v>307</v>
      </c>
      <c r="B308" s="16" t="s">
        <v>12</v>
      </c>
      <c r="C308" s="6" t="s">
        <v>363</v>
      </c>
      <c r="D308" s="7" t="s">
        <v>870</v>
      </c>
      <c r="E308" s="18" t="s">
        <v>871</v>
      </c>
      <c r="F308" s="8">
        <v>0</v>
      </c>
      <c r="G308" s="5" t="s">
        <v>847</v>
      </c>
      <c r="H308" s="6" t="s">
        <v>872</v>
      </c>
      <c r="I308" s="9">
        <v>7020005007453</v>
      </c>
      <c r="K308" s="11">
        <v>0</v>
      </c>
      <c r="L308" s="11">
        <v>0</v>
      </c>
    </row>
    <row r="309" spans="1:12" ht="21.75" customHeight="1" x14ac:dyDescent="0.2">
      <c r="A309" s="5">
        <v>308</v>
      </c>
      <c r="B309" s="16" t="s">
        <v>50</v>
      </c>
      <c r="C309" s="6" t="s">
        <v>411</v>
      </c>
      <c r="D309" s="7" t="s">
        <v>873</v>
      </c>
      <c r="E309" s="18" t="s">
        <v>874</v>
      </c>
      <c r="F309" s="8">
        <v>0</v>
      </c>
      <c r="G309" s="5" t="s">
        <v>847</v>
      </c>
      <c r="H309" s="6" t="s">
        <v>875</v>
      </c>
      <c r="I309" s="9">
        <v>4020005007233</v>
      </c>
      <c r="K309" s="11">
        <v>0</v>
      </c>
      <c r="L309" s="11">
        <v>0</v>
      </c>
    </row>
    <row r="310" spans="1:12" ht="21.75" customHeight="1" x14ac:dyDescent="0.2">
      <c r="A310" s="5">
        <v>309</v>
      </c>
      <c r="B310" s="16" t="s">
        <v>50</v>
      </c>
      <c r="C310" s="6" t="s">
        <v>411</v>
      </c>
      <c r="D310" s="7" t="s">
        <v>876</v>
      </c>
      <c r="E310" s="18" t="s">
        <v>877</v>
      </c>
      <c r="F310" s="8">
        <v>0</v>
      </c>
      <c r="G310" s="5" t="s">
        <v>847</v>
      </c>
      <c r="H310" s="6" t="s">
        <v>878</v>
      </c>
      <c r="I310" s="9">
        <v>9020005007451</v>
      </c>
      <c r="K310" s="11">
        <v>0</v>
      </c>
      <c r="L310" s="11">
        <v>0</v>
      </c>
    </row>
    <row r="311" spans="1:12" ht="21.75" customHeight="1" x14ac:dyDescent="0.2">
      <c r="A311" s="5">
        <v>310</v>
      </c>
      <c r="B311" s="16" t="s">
        <v>50</v>
      </c>
      <c r="C311" s="6" t="s">
        <v>104</v>
      </c>
      <c r="D311" s="7" t="s">
        <v>879</v>
      </c>
      <c r="E311" s="18" t="s">
        <v>880</v>
      </c>
      <c r="F311" s="8">
        <v>0</v>
      </c>
      <c r="G311" s="5" t="s">
        <v>847</v>
      </c>
      <c r="H311" s="6" t="s">
        <v>881</v>
      </c>
      <c r="I311" s="9">
        <v>8020005007279</v>
      </c>
      <c r="K311" s="11">
        <v>0</v>
      </c>
      <c r="L311" s="11">
        <v>0</v>
      </c>
    </row>
    <row r="312" spans="1:12" ht="21.75" customHeight="1" x14ac:dyDescent="0.2">
      <c r="A312" s="5">
        <v>311</v>
      </c>
      <c r="B312" s="16" t="s">
        <v>50</v>
      </c>
      <c r="C312" s="6" t="s">
        <v>114</v>
      </c>
      <c r="D312" s="7" t="s">
        <v>882</v>
      </c>
      <c r="E312" s="18" t="s">
        <v>883</v>
      </c>
      <c r="F312" s="8">
        <v>0</v>
      </c>
      <c r="G312" s="5" t="s">
        <v>847</v>
      </c>
      <c r="H312" s="6" t="s">
        <v>884</v>
      </c>
      <c r="I312" s="9">
        <v>3020005007317</v>
      </c>
      <c r="K312" s="11">
        <v>0</v>
      </c>
      <c r="L312" s="11">
        <v>0</v>
      </c>
    </row>
    <row r="313" spans="1:12" ht="21.75" customHeight="1" x14ac:dyDescent="0.2">
      <c r="A313" s="5">
        <v>312</v>
      </c>
      <c r="B313" s="16" t="s">
        <v>50</v>
      </c>
      <c r="C313" s="6" t="s">
        <v>114</v>
      </c>
      <c r="D313" s="7" t="s">
        <v>885</v>
      </c>
      <c r="E313" s="18" t="s">
        <v>886</v>
      </c>
      <c r="F313" s="8">
        <v>0</v>
      </c>
      <c r="G313" s="5" t="s">
        <v>847</v>
      </c>
      <c r="H313" s="6" t="s">
        <v>887</v>
      </c>
      <c r="I313" s="9">
        <v>9020005007476</v>
      </c>
      <c r="K313" s="11">
        <v>0</v>
      </c>
      <c r="L313" s="11">
        <v>0</v>
      </c>
    </row>
    <row r="314" spans="1:12" ht="21.75" customHeight="1" x14ac:dyDescent="0.2">
      <c r="A314" s="5">
        <v>313</v>
      </c>
      <c r="B314" s="16" t="s">
        <v>50</v>
      </c>
      <c r="C314" s="6" t="s">
        <v>783</v>
      </c>
      <c r="D314" s="7" t="s">
        <v>888</v>
      </c>
      <c r="E314" s="18" t="s">
        <v>889</v>
      </c>
      <c r="F314" s="8">
        <v>0</v>
      </c>
      <c r="G314" s="5" t="s">
        <v>847</v>
      </c>
      <c r="H314" s="6" t="s">
        <v>890</v>
      </c>
      <c r="I314" s="9">
        <v>3020005007259</v>
      </c>
      <c r="K314" s="11">
        <v>0</v>
      </c>
      <c r="L314" s="11">
        <v>0</v>
      </c>
    </row>
    <row r="315" spans="1:12" ht="21.75" customHeight="1" x14ac:dyDescent="0.2">
      <c r="A315" s="5">
        <v>314</v>
      </c>
      <c r="B315" s="16" t="s">
        <v>50</v>
      </c>
      <c r="C315" s="6" t="s">
        <v>783</v>
      </c>
      <c r="D315" s="7" t="s">
        <v>891</v>
      </c>
      <c r="E315" s="18" t="s">
        <v>892</v>
      </c>
      <c r="F315" s="8">
        <v>0</v>
      </c>
      <c r="G315" s="5" t="s">
        <v>847</v>
      </c>
      <c r="H315" s="6" t="s">
        <v>893</v>
      </c>
      <c r="I315" s="9">
        <v>8020005007378</v>
      </c>
      <c r="K315" s="11">
        <v>0</v>
      </c>
      <c r="L315" s="11">
        <v>0</v>
      </c>
    </row>
    <row r="316" spans="1:12" ht="21.75" customHeight="1" x14ac:dyDescent="0.2">
      <c r="A316" s="5">
        <v>315</v>
      </c>
      <c r="B316" s="16" t="s">
        <v>50</v>
      </c>
      <c r="C316" s="6" t="s">
        <v>128</v>
      </c>
      <c r="D316" s="7" t="s">
        <v>894</v>
      </c>
      <c r="E316" s="18" t="s">
        <v>895</v>
      </c>
      <c r="F316" s="8">
        <v>0</v>
      </c>
      <c r="G316" s="5" t="s">
        <v>847</v>
      </c>
      <c r="H316" s="6" t="s">
        <v>896</v>
      </c>
      <c r="I316" s="9">
        <v>2020005007243</v>
      </c>
      <c r="K316" s="11">
        <v>0</v>
      </c>
      <c r="L316" s="11">
        <v>0</v>
      </c>
    </row>
    <row r="317" spans="1:12" ht="21.75" customHeight="1" x14ac:dyDescent="0.2">
      <c r="A317" s="5">
        <v>316</v>
      </c>
      <c r="B317" s="16" t="s">
        <v>50</v>
      </c>
      <c r="C317" s="6" t="s">
        <v>128</v>
      </c>
      <c r="D317" s="7" t="s">
        <v>897</v>
      </c>
      <c r="E317" s="18" t="s">
        <v>898</v>
      </c>
      <c r="F317" s="8">
        <v>0</v>
      </c>
      <c r="G317" s="5" t="s">
        <v>847</v>
      </c>
      <c r="H317" s="6" t="s">
        <v>899</v>
      </c>
      <c r="I317" s="9">
        <v>6020005007363</v>
      </c>
      <c r="K317" s="11">
        <v>0</v>
      </c>
      <c r="L317" s="11">
        <v>0</v>
      </c>
    </row>
    <row r="318" spans="1:12" ht="21.75" customHeight="1" x14ac:dyDescent="0.2">
      <c r="A318" s="5">
        <v>317</v>
      </c>
      <c r="B318" s="16" t="s">
        <v>50</v>
      </c>
      <c r="C318" s="6" t="s">
        <v>128</v>
      </c>
      <c r="D318" s="7" t="s">
        <v>900</v>
      </c>
      <c r="E318" s="18" t="s">
        <v>901</v>
      </c>
      <c r="F318" s="8">
        <v>0</v>
      </c>
      <c r="G318" s="5" t="s">
        <v>847</v>
      </c>
      <c r="H318" s="6" t="s">
        <v>902</v>
      </c>
      <c r="I318" s="9">
        <v>6020005007314</v>
      </c>
      <c r="K318" s="11">
        <v>0</v>
      </c>
      <c r="L318" s="11">
        <v>0</v>
      </c>
    </row>
    <row r="319" spans="1:12" ht="21.75" customHeight="1" x14ac:dyDescent="0.2">
      <c r="A319" s="5">
        <v>318</v>
      </c>
      <c r="B319" s="16" t="s">
        <v>50</v>
      </c>
      <c r="C319" s="6" t="s">
        <v>128</v>
      </c>
      <c r="D319" s="7" t="s">
        <v>903</v>
      </c>
      <c r="E319" s="18" t="s">
        <v>904</v>
      </c>
      <c r="F319" s="8">
        <v>0</v>
      </c>
      <c r="G319" s="5" t="s">
        <v>847</v>
      </c>
      <c r="H319" s="6" t="s">
        <v>905</v>
      </c>
      <c r="I319" s="9">
        <v>2020005007400</v>
      </c>
      <c r="K319" s="11">
        <v>0</v>
      </c>
      <c r="L319" s="11">
        <v>0</v>
      </c>
    </row>
    <row r="320" spans="1:12" ht="21.75" customHeight="1" x14ac:dyDescent="0.2">
      <c r="A320" s="5">
        <v>319</v>
      </c>
      <c r="B320" s="16" t="s">
        <v>50</v>
      </c>
      <c r="C320" s="6" t="s">
        <v>128</v>
      </c>
      <c r="D320" s="7" t="s">
        <v>906</v>
      </c>
      <c r="E320" s="18" t="s">
        <v>907</v>
      </c>
      <c r="F320" s="8">
        <v>0</v>
      </c>
      <c r="G320" s="5" t="s">
        <v>847</v>
      </c>
      <c r="H320" s="6" t="s">
        <v>908</v>
      </c>
      <c r="I320" s="9">
        <v>7020005007461</v>
      </c>
      <c r="K320" s="11">
        <v>0</v>
      </c>
      <c r="L320" s="11">
        <v>0</v>
      </c>
    </row>
    <row r="321" spans="1:12" ht="21.75" customHeight="1" x14ac:dyDescent="0.2">
      <c r="A321" s="5">
        <v>320</v>
      </c>
      <c r="B321" s="16" t="s">
        <v>50</v>
      </c>
      <c r="C321" s="6" t="s">
        <v>128</v>
      </c>
      <c r="D321" s="7" t="s">
        <v>909</v>
      </c>
      <c r="E321" s="18" t="s">
        <v>910</v>
      </c>
      <c r="F321" s="8">
        <v>0</v>
      </c>
      <c r="G321" s="5" t="s">
        <v>847</v>
      </c>
      <c r="H321" s="6" t="s">
        <v>911</v>
      </c>
      <c r="I321" s="9">
        <v>5020005007496</v>
      </c>
      <c r="K321" s="11">
        <v>0</v>
      </c>
      <c r="L321" s="11">
        <v>0</v>
      </c>
    </row>
    <row r="322" spans="1:12" ht="21.75" customHeight="1" x14ac:dyDescent="0.2">
      <c r="A322" s="5">
        <v>321</v>
      </c>
      <c r="B322" s="16" t="s">
        <v>50</v>
      </c>
      <c r="C322" s="6" t="s">
        <v>135</v>
      </c>
      <c r="D322" s="7" t="s">
        <v>912</v>
      </c>
      <c r="E322" s="18" t="s">
        <v>913</v>
      </c>
      <c r="F322" s="8">
        <v>0</v>
      </c>
      <c r="G322" s="5" t="s">
        <v>847</v>
      </c>
      <c r="H322" s="6" t="s">
        <v>914</v>
      </c>
      <c r="I322" s="9">
        <v>2020005007251</v>
      </c>
      <c r="K322" s="11">
        <v>0</v>
      </c>
      <c r="L322" s="11">
        <v>0</v>
      </c>
    </row>
    <row r="323" spans="1:12" ht="21.75" customHeight="1" x14ac:dyDescent="0.2">
      <c r="A323" s="5">
        <v>322</v>
      </c>
      <c r="B323" s="16" t="s">
        <v>50</v>
      </c>
      <c r="C323" s="6" t="s">
        <v>135</v>
      </c>
      <c r="D323" s="7" t="s">
        <v>915</v>
      </c>
      <c r="E323" s="18" t="s">
        <v>916</v>
      </c>
      <c r="F323" s="8">
        <v>0</v>
      </c>
      <c r="G323" s="5" t="s">
        <v>847</v>
      </c>
      <c r="H323" s="6" t="s">
        <v>917</v>
      </c>
      <c r="I323" s="9">
        <v>5020005007281</v>
      </c>
      <c r="K323" s="11">
        <v>0</v>
      </c>
      <c r="L323" s="11">
        <v>0</v>
      </c>
    </row>
    <row r="324" spans="1:12" ht="21.75" customHeight="1" x14ac:dyDescent="0.2">
      <c r="A324" s="5">
        <v>323</v>
      </c>
      <c r="B324" s="16" t="s">
        <v>50</v>
      </c>
      <c r="C324" s="6" t="s">
        <v>135</v>
      </c>
      <c r="D324" s="7" t="s">
        <v>918</v>
      </c>
      <c r="E324" s="18" t="s">
        <v>919</v>
      </c>
      <c r="F324" s="8">
        <v>0</v>
      </c>
      <c r="G324" s="5" t="s">
        <v>847</v>
      </c>
      <c r="H324" s="6" t="s">
        <v>920</v>
      </c>
      <c r="I324" s="9">
        <v>9020005007352</v>
      </c>
      <c r="K324" s="11">
        <v>0</v>
      </c>
      <c r="L324" s="11">
        <v>0</v>
      </c>
    </row>
    <row r="325" spans="1:12" ht="21.75" customHeight="1" x14ac:dyDescent="0.2">
      <c r="A325" s="5">
        <v>324</v>
      </c>
      <c r="B325" s="16" t="s">
        <v>50</v>
      </c>
      <c r="C325" s="6" t="s">
        <v>146</v>
      </c>
      <c r="D325" s="7" t="s">
        <v>921</v>
      </c>
      <c r="E325" s="18" t="s">
        <v>922</v>
      </c>
      <c r="F325" s="8">
        <v>0</v>
      </c>
      <c r="G325" s="5" t="s">
        <v>847</v>
      </c>
      <c r="H325" s="6" t="s">
        <v>923</v>
      </c>
      <c r="I325" s="9">
        <v>9020005007402</v>
      </c>
      <c r="K325" s="11">
        <v>0</v>
      </c>
      <c r="L325" s="11">
        <v>0</v>
      </c>
    </row>
    <row r="326" spans="1:12" ht="21.75" customHeight="1" x14ac:dyDescent="0.2">
      <c r="A326" s="5">
        <v>325</v>
      </c>
      <c r="B326" s="16" t="s">
        <v>949</v>
      </c>
      <c r="C326" s="6" t="s">
        <v>150</v>
      </c>
      <c r="D326" s="7" t="s">
        <v>924</v>
      </c>
      <c r="E326" s="18" t="s">
        <v>925</v>
      </c>
      <c r="F326" s="8">
        <v>0</v>
      </c>
      <c r="G326" s="5" t="s">
        <v>847</v>
      </c>
      <c r="H326" s="6" t="s">
        <v>926</v>
      </c>
      <c r="I326" s="9">
        <v>4020005007431</v>
      </c>
      <c r="K326" s="11">
        <v>0</v>
      </c>
      <c r="L326" s="11">
        <v>0</v>
      </c>
    </row>
    <row r="327" spans="1:12" ht="21.75" customHeight="1" x14ac:dyDescent="0.2">
      <c r="A327" s="5">
        <v>326</v>
      </c>
      <c r="B327" s="16" t="s">
        <v>949</v>
      </c>
      <c r="C327" s="6" t="s">
        <v>150</v>
      </c>
      <c r="D327" s="7" t="s">
        <v>927</v>
      </c>
      <c r="E327" s="18" t="s">
        <v>928</v>
      </c>
      <c r="F327" s="8">
        <v>0</v>
      </c>
      <c r="G327" s="5" t="s">
        <v>847</v>
      </c>
      <c r="H327" s="6" t="s">
        <v>929</v>
      </c>
      <c r="I327" s="9">
        <v>3020005007424</v>
      </c>
      <c r="K327" s="11">
        <v>0</v>
      </c>
      <c r="L327" s="11">
        <v>0</v>
      </c>
    </row>
    <row r="328" spans="1:12" ht="21.75" customHeight="1" x14ac:dyDescent="0.2">
      <c r="A328" s="5">
        <v>327</v>
      </c>
      <c r="B328" s="16" t="s">
        <v>949</v>
      </c>
      <c r="C328" s="6" t="s">
        <v>477</v>
      </c>
      <c r="D328" s="7" t="s">
        <v>930</v>
      </c>
      <c r="E328" s="18" t="s">
        <v>931</v>
      </c>
      <c r="F328" s="8">
        <v>0</v>
      </c>
      <c r="G328" s="5" t="s">
        <v>847</v>
      </c>
      <c r="H328" s="6" t="s">
        <v>932</v>
      </c>
      <c r="I328" s="9">
        <v>6020005007487</v>
      </c>
      <c r="K328" s="11">
        <v>0</v>
      </c>
      <c r="L328" s="11">
        <v>0</v>
      </c>
    </row>
    <row r="329" spans="1:12" ht="21.75" customHeight="1" x14ac:dyDescent="0.2">
      <c r="A329" s="5">
        <v>328</v>
      </c>
      <c r="B329" s="16" t="s">
        <v>949</v>
      </c>
      <c r="C329" s="6" t="s">
        <v>168</v>
      </c>
      <c r="D329" s="7" t="s">
        <v>933</v>
      </c>
      <c r="E329" s="18" t="s">
        <v>934</v>
      </c>
      <c r="F329" s="8">
        <v>0</v>
      </c>
      <c r="G329" s="5" t="s">
        <v>847</v>
      </c>
      <c r="H329" s="6" t="s">
        <v>935</v>
      </c>
      <c r="I329" s="9">
        <v>9020005007336</v>
      </c>
      <c r="K329" s="11">
        <v>0</v>
      </c>
      <c r="L329" s="11">
        <v>0</v>
      </c>
    </row>
    <row r="330" spans="1:12" ht="21.75" customHeight="1" x14ac:dyDescent="0.2">
      <c r="A330" s="5">
        <v>329</v>
      </c>
      <c r="B330" s="16" t="s">
        <v>174</v>
      </c>
      <c r="C330" s="6" t="s">
        <v>175</v>
      </c>
      <c r="D330" s="7" t="s">
        <v>936</v>
      </c>
      <c r="E330" s="18" t="s">
        <v>937</v>
      </c>
      <c r="F330" s="8">
        <v>0</v>
      </c>
      <c r="G330" s="5" t="s">
        <v>847</v>
      </c>
      <c r="H330" s="6" t="s">
        <v>938</v>
      </c>
      <c r="I330" s="9">
        <v>1020005007161</v>
      </c>
      <c r="K330" s="11">
        <v>0</v>
      </c>
      <c r="L330" s="11">
        <v>0</v>
      </c>
    </row>
    <row r="331" spans="1:12" ht="21.75" customHeight="1" x14ac:dyDescent="0.2">
      <c r="A331" s="5">
        <v>330</v>
      </c>
      <c r="B331" s="16" t="s">
        <v>174</v>
      </c>
      <c r="C331" s="6" t="s">
        <v>175</v>
      </c>
      <c r="D331" s="7" t="s">
        <v>939</v>
      </c>
      <c r="E331" s="18" t="s">
        <v>940</v>
      </c>
      <c r="F331" s="8">
        <v>0</v>
      </c>
      <c r="G331" s="5" t="s">
        <v>847</v>
      </c>
      <c r="H331" s="6" t="s">
        <v>941</v>
      </c>
      <c r="I331" s="9">
        <v>7020005007197</v>
      </c>
      <c r="K331" s="11">
        <v>0</v>
      </c>
      <c r="L331" s="11">
        <v>0</v>
      </c>
    </row>
    <row r="332" spans="1:12" ht="21.75" customHeight="1" x14ac:dyDescent="0.2">
      <c r="A332" s="5">
        <v>331</v>
      </c>
      <c r="B332" s="16" t="s">
        <v>174</v>
      </c>
      <c r="C332" s="6" t="s">
        <v>175</v>
      </c>
      <c r="D332" s="7" t="s">
        <v>942</v>
      </c>
      <c r="E332" s="18" t="s">
        <v>943</v>
      </c>
      <c r="F332" s="8">
        <v>0</v>
      </c>
      <c r="G332" s="5" t="s">
        <v>847</v>
      </c>
      <c r="H332" s="6" t="s">
        <v>944</v>
      </c>
      <c r="I332" s="9">
        <v>6020005007198</v>
      </c>
      <c r="K332" s="11">
        <v>0</v>
      </c>
      <c r="L332" s="11">
        <v>0</v>
      </c>
    </row>
    <row r="333" spans="1:12" ht="21.75" customHeight="1" x14ac:dyDescent="0.2">
      <c r="A333" s="5">
        <v>332</v>
      </c>
      <c r="B333" s="16" t="s">
        <v>174</v>
      </c>
      <c r="C333" s="6" t="s">
        <v>175</v>
      </c>
      <c r="D333" s="7" t="s">
        <v>945</v>
      </c>
      <c r="E333" s="18" t="s">
        <v>946</v>
      </c>
      <c r="F333" s="8">
        <v>0</v>
      </c>
      <c r="G333" s="5" t="s">
        <v>847</v>
      </c>
      <c r="H333" s="6" t="s">
        <v>947</v>
      </c>
      <c r="I333" s="9">
        <v>6020005009715</v>
      </c>
      <c r="K333" s="11">
        <v>0</v>
      </c>
      <c r="L333" s="11">
        <v>0</v>
      </c>
    </row>
  </sheetData>
  <autoFilter ref="A1:L333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5年1月1日現在</oddFooter>
  </headerFooter>
  <rowBreaks count="6" manualBreakCount="6">
    <brk id="51" max="11" man="1"/>
    <brk id="101" max="11" man="1"/>
    <brk id="151" max="11" man="1"/>
    <brk id="201" max="11" man="1"/>
    <brk id="251" max="11" man="1"/>
    <brk id="30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川崎市</vt:lpstr>
      <vt:lpstr>川崎市!Print_Area</vt:lpstr>
      <vt:lpstr>川崎市!Print_Titles</vt:lpstr>
      <vt:lpstr>川崎市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1-16T05:55:32Z</cp:lastPrinted>
  <dcterms:created xsi:type="dcterms:W3CDTF">2023-01-11T07:09:45Z</dcterms:created>
  <dcterms:modified xsi:type="dcterms:W3CDTF">2023-01-30T00:53:00Z</dcterms:modified>
</cp:coreProperties>
</file>